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029"/>
  <workbookPr defaultThemeVersion="124226"/>
  <mc:AlternateContent xmlns:mc="http://schemas.openxmlformats.org/markup-compatibility/2006">
    <mc:Choice Requires="x15">
      <x15ac:absPath xmlns:x15ac="http://schemas.microsoft.com/office/spreadsheetml/2010/11/ac" url="C:\Users\s010771\Desktop\"/>
    </mc:Choice>
  </mc:AlternateContent>
  <xr:revisionPtr revIDLastSave="0" documentId="13_ncr:1_{493D02A4-F9A2-4A71-BB27-D1801EEB8D4F}" xr6:coauthVersionLast="47" xr6:coauthVersionMax="47" xr10:uidLastSave="{00000000-0000-0000-0000-000000000000}"/>
  <bookViews>
    <workbookView xWindow="-120" yWindow="-120" windowWidth="29040" windowHeight="15720" xr2:uid="{BC52FD04-203F-4082-8ABE-566AB97C90BF}"/>
  </bookViews>
  <sheets>
    <sheet name="居宅届出書" sheetId="1" r:id="rId1"/>
  </sheets>
  <externalReferences>
    <externalReference r:id="rId2"/>
    <externalReference r:id="rId3"/>
  </externalReferences>
  <definedNames>
    <definedName name="_xlnm.Print_Area" localSheetId="0">居宅届出書!$A$1:$V$60</definedName>
    <definedName name="被保番10月">'[1]H26.10'!$C$2:$C$345</definedName>
    <definedName name="被保番11月">'[1]H26.11'!$C$2:$C$343</definedName>
    <definedName name="被保番12月">'[1]H26.12'!$C$2:$C$339</definedName>
    <definedName name="被保番4月">'[1]H26.4'!$C$2:$C$336</definedName>
    <definedName name="被保番5月">'[1]H26.5'!$C$2:$C$331</definedName>
    <definedName name="被保番6月">'[1]H26.6'!$C$2:$C$333</definedName>
    <definedName name="被保番7月">'[1]H26.7'!$C$2:$C$600</definedName>
    <definedName name="被保番8月">'[1]H26.8'!$C$2:$C$329</definedName>
    <definedName name="被保番9月">'[1]H26.9'!$C$2:$C$334</definedName>
    <definedName name="被保番H27.1月">'[1]H27.1'!$C$2:$C$324</definedName>
    <definedName name="被保番H27.2月">'[1]H27.2'!$C$2:$C$359</definedName>
    <definedName name="被保番H27.3月">'[1]H27.3'!$C$2:$C$381</definedName>
    <definedName name="被保番H27.4月">'[1]H27.4'!$C$2:$C$37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27" i="1" l="1"/>
  <c r="J27" i="1"/>
  <c r="R4" i="1"/>
  <c r="D27" i="1" l="1"/>
  <c r="E27" i="1"/>
  <c r="R23" i="1"/>
  <c r="F27" i="1"/>
  <c r="G27" i="1"/>
  <c r="K24" i="1"/>
  <c r="H27" i="1"/>
  <c r="A27" i="1"/>
  <c r="I27" i="1"/>
  <c r="B27" i="1"/>
</calcChain>
</file>

<file path=xl/sharedStrings.xml><?xml version="1.0" encoding="utf-8"?>
<sst xmlns="http://schemas.openxmlformats.org/spreadsheetml/2006/main" count="77" uniqueCount="63">
  <si>
    <t>介護予防サービス計画作成・介護予防ケアマネジメント依頼（変更）届出書</t>
    <rPh sb="0" eb="2">
      <t>カイゴ</t>
    </rPh>
    <rPh sb="2" eb="4">
      <t>ヨボウ</t>
    </rPh>
    <rPh sb="8" eb="10">
      <t>ケイカク</t>
    </rPh>
    <rPh sb="10" eb="12">
      <t>サクセイ</t>
    </rPh>
    <rPh sb="13" eb="15">
      <t>カイゴ</t>
    </rPh>
    <rPh sb="15" eb="17">
      <t>ヨボウ</t>
    </rPh>
    <phoneticPr fontId="2"/>
  </si>
  <si>
    <t>区分</t>
    <rPh sb="0" eb="2">
      <t>クブン</t>
    </rPh>
    <phoneticPr fontId="2"/>
  </si>
  <si>
    <t>被　保　険　者　氏　名</t>
  </si>
  <si>
    <t>被　保　険　者　番　号</t>
  </si>
  <si>
    <t>フリガナ</t>
    <phoneticPr fontId="2"/>
  </si>
  <si>
    <t>個　人　番　号</t>
    <rPh sb="0" eb="1">
      <t>コ</t>
    </rPh>
    <rPh sb="2" eb="3">
      <t>ヒト</t>
    </rPh>
    <rPh sb="4" eb="5">
      <t>バン</t>
    </rPh>
    <rPh sb="6" eb="7">
      <t>ゴウ</t>
    </rPh>
    <phoneticPr fontId="2"/>
  </si>
  <si>
    <t/>
  </si>
  <si>
    <t>生年月日</t>
  </si>
  <si>
    <t>性別</t>
    <rPh sb="0" eb="2">
      <t>セイベツ</t>
    </rPh>
    <phoneticPr fontId="2"/>
  </si>
  <si>
    <t>介護予防サービス計画の作成を依頼（変更）する介護予防支援事業者
介護予防ケアマネジメントを依頼（変更）する地域包括支援センター</t>
    <rPh sb="0" eb="2">
      <t>カイゴ</t>
    </rPh>
    <rPh sb="2" eb="4">
      <t>ヨボウ</t>
    </rPh>
    <rPh sb="8" eb="10">
      <t>ケイカク</t>
    </rPh>
    <rPh sb="11" eb="13">
      <t>サクセイ</t>
    </rPh>
    <rPh sb="22" eb="24">
      <t>カイゴ</t>
    </rPh>
    <rPh sb="24" eb="26">
      <t>ヨボウ</t>
    </rPh>
    <rPh sb="26" eb="28">
      <t>シエン</t>
    </rPh>
    <rPh sb="28" eb="31">
      <t>ジギョウシャ</t>
    </rPh>
    <rPh sb="32" eb="34">
      <t>カイゴ</t>
    </rPh>
    <rPh sb="34" eb="36">
      <t>ヨボウ</t>
    </rPh>
    <rPh sb="45" eb="47">
      <t>イライ</t>
    </rPh>
    <rPh sb="48" eb="50">
      <t>ヘンコウ</t>
    </rPh>
    <rPh sb="53" eb="55">
      <t>チイキ</t>
    </rPh>
    <rPh sb="55" eb="57">
      <t>ホウカツ</t>
    </rPh>
    <rPh sb="57" eb="59">
      <t>シエン</t>
    </rPh>
    <phoneticPr fontId="2"/>
  </si>
  <si>
    <t>介護予防支援事業所名　
地域包括支援センター名</t>
    <rPh sb="12" eb="16">
      <t>チイキホウカツ</t>
    </rPh>
    <rPh sb="16" eb="18">
      <t>シエン</t>
    </rPh>
    <rPh sb="22" eb="23">
      <t>メイ</t>
    </rPh>
    <phoneticPr fontId="2"/>
  </si>
  <si>
    <t>介護予防支援事業所の所在地
地域包括支援センターの所在地</t>
    <rPh sb="25" eb="28">
      <t>ショザイチ</t>
    </rPh>
    <phoneticPr fontId="2"/>
  </si>
  <si>
    <t>電話番号　　　　　　　　　</t>
    <rPh sb="0" eb="2">
      <t>デンワ</t>
    </rPh>
    <rPh sb="2" eb="4">
      <t>バンゴウ</t>
    </rPh>
    <phoneticPr fontId="2"/>
  </si>
  <si>
    <t>介護予防支援事業所（地域保活支援センター）番号</t>
    <rPh sb="0" eb="4">
      <t>カイゴヨボウ</t>
    </rPh>
    <rPh sb="4" eb="9">
      <t>シエンジギョウショ</t>
    </rPh>
    <rPh sb="10" eb="14">
      <t>チイキホカツ</t>
    </rPh>
    <rPh sb="14" eb="16">
      <t>シエン</t>
    </rPh>
    <rPh sb="21" eb="23">
      <t>バンゴウ</t>
    </rPh>
    <phoneticPr fontId="2"/>
  </si>
  <si>
    <t>サービス開始（変更）年月日</t>
    <rPh sb="4" eb="6">
      <t>カイシ</t>
    </rPh>
    <rPh sb="7" eb="9">
      <t>ヘンコウ</t>
    </rPh>
    <rPh sb="10" eb="13">
      <t>ネンガッピ</t>
    </rPh>
    <phoneticPr fontId="2"/>
  </si>
  <si>
    <t>年　　　月　　　日</t>
    <rPh sb="0" eb="1">
      <t>ネン</t>
    </rPh>
    <rPh sb="4" eb="5">
      <t>ガツ</t>
    </rPh>
    <rPh sb="8" eb="9">
      <t>ニチ</t>
    </rPh>
    <phoneticPr fontId="2"/>
  </si>
  <si>
    <t>介護予防支援事業所又は地域包括支援センターを変更する場合の理由等</t>
    <rPh sb="0" eb="4">
      <t>カイゴヨボウ</t>
    </rPh>
    <rPh sb="4" eb="9">
      <t>シエンジギョウショ</t>
    </rPh>
    <rPh sb="9" eb="10">
      <t>マタ</t>
    </rPh>
    <rPh sb="11" eb="17">
      <t>チイキホウカツシエン</t>
    </rPh>
    <rPh sb="22" eb="24">
      <t>ヘンコウ</t>
    </rPh>
    <rPh sb="26" eb="28">
      <t>バアイ</t>
    </rPh>
    <rPh sb="29" eb="32">
      <t>リユウトウ</t>
    </rPh>
    <phoneticPr fontId="2"/>
  </si>
  <si>
    <t>※変更する場合のみ記入してください。</t>
    <rPh sb="1" eb="3">
      <t>ヘンコウ</t>
    </rPh>
    <rPh sb="5" eb="7">
      <t>バアイ</t>
    </rPh>
    <rPh sb="9" eb="11">
      <t>キニュウ</t>
    </rPh>
    <phoneticPr fontId="2"/>
  </si>
  <si>
    <t>介護予防支援又は介護予防ケアマネジメントを受託する居宅介護支援事業者</t>
    <rPh sb="0" eb="2">
      <t>カイゴ</t>
    </rPh>
    <rPh sb="2" eb="4">
      <t>ヨボウ</t>
    </rPh>
    <rPh sb="4" eb="6">
      <t>シエン</t>
    </rPh>
    <rPh sb="6" eb="7">
      <t>マタ</t>
    </rPh>
    <rPh sb="8" eb="12">
      <t>カイゴヨボウ</t>
    </rPh>
    <phoneticPr fontId="2"/>
  </si>
  <si>
    <t>※居宅介護支援事業者が介護予防支援又は介護予防ケアマネジメントを受託する場合のみ記入して下さい。</t>
    <rPh sb="11" eb="13">
      <t>カイゴ</t>
    </rPh>
    <rPh sb="13" eb="15">
      <t>ヨボウ</t>
    </rPh>
    <rPh sb="15" eb="17">
      <t>シエン</t>
    </rPh>
    <rPh sb="17" eb="18">
      <t>マタ</t>
    </rPh>
    <rPh sb="19" eb="23">
      <t>カイゴヨボウ</t>
    </rPh>
    <phoneticPr fontId="2"/>
  </si>
  <si>
    <t>居宅介護支援事業所名　</t>
  </si>
  <si>
    <t>居宅介護支援事業所の所在地</t>
  </si>
  <si>
    <t>電話番号</t>
    <rPh sb="0" eb="2">
      <t>デンワ</t>
    </rPh>
    <rPh sb="2" eb="4">
      <t>バンゴウ</t>
    </rPh>
    <phoneticPr fontId="2"/>
  </si>
  <si>
    <t>介護予防支援事業所又は居宅介護支援事業所を変更する場合の事由等</t>
    <phoneticPr fontId="2"/>
  </si>
  <si>
    <t>※変更する場合のみ記入してください。</t>
  </si>
  <si>
    <t>山梨市長　様</t>
  </si>
  <si>
    <t>　上記の介護予防支援事業者（地域包括支援センター）に介護予防サービス計画の作成又は介護予防ケアマネジメントを依頼することを届出します。</t>
    <phoneticPr fontId="2"/>
  </si>
  <si>
    <t>　令和　　  年　　　月　　　日</t>
    <rPh sb="1" eb="3">
      <t>レイワ</t>
    </rPh>
    <phoneticPr fontId="2"/>
  </si>
  <si>
    <t>　　　　　　　　　　　　　　　　　　　　　　　　　　　　　　　　　　　　　</t>
    <phoneticPr fontId="2"/>
  </si>
  <si>
    <t>住所</t>
  </si>
  <si>
    <t>被保険者</t>
  </si>
  <si>
    <t>　　　　　　　　　</t>
    <phoneticPr fontId="2"/>
  </si>
  <si>
    <t>氏名</t>
    <rPh sb="0" eb="2">
      <t>シメイ</t>
    </rPh>
    <phoneticPr fontId="2"/>
  </si>
  <si>
    <t>電話番号</t>
  </si>
  <si>
    <t>　介護予防サービス計画の作成を依頼（変更）する介護予防支援事業者が介護予防支援の提供に当たり、被保険者の状況を把握する必要がある時は、要介護認定・要支援認定に係る調査内容、介護認定審査会による判定結果・意見及び主治医意見書を当該介護予防支援事業者に必要な範囲で提示することに同意します。</t>
    <phoneticPr fontId="2"/>
  </si>
  <si>
    <t>年　月　日　</t>
    <rPh sb="0" eb="1">
      <t>ネン</t>
    </rPh>
    <rPh sb="2" eb="3">
      <t>ガツ</t>
    </rPh>
    <rPh sb="4" eb="5">
      <t>ニチ</t>
    </rPh>
    <phoneticPr fontId="2"/>
  </si>
  <si>
    <r>
      <t>本人氏名</t>
    </r>
    <r>
      <rPr>
        <sz val="8"/>
        <color theme="1"/>
        <rFont val="HG丸ｺﾞｼｯｸM-PRO"/>
        <family val="3"/>
        <charset val="128"/>
      </rPr>
      <t>（自書）</t>
    </r>
    <phoneticPr fontId="2"/>
  </si>
  <si>
    <t>代筆者氏名　　　　　　　　　　　　　　　（続柄）</t>
    <rPh sb="0" eb="3">
      <t>ダイヒツシャ</t>
    </rPh>
    <rPh sb="3" eb="5">
      <t>シメイ</t>
    </rPh>
    <rPh sb="21" eb="23">
      <t>ツヅキガラ</t>
    </rPh>
    <phoneticPr fontId="2"/>
  </si>
  <si>
    <t>（注意）</t>
    <phoneticPr fontId="2"/>
  </si>
  <si>
    <t>１　この届出書は、介護予防サービス計画の作成又は介護予防ケアマネジメントを依頼する事業所等が決まり次第速やかに山梨市へ提出してください。
２　介護予防サービス計画の作成若しくは介護予防ケアマネジメントを依頼する介護予防支援事業所（介護予防ケアマネジメントについては地域包括支援センター）又は介護予防支援若しくは介護予防ケアマネジメントを受託する居宅介護支援事業所を変更するときは、変更年月日を記入の上、必ず山梨市へ届け出てください。届出のない場合、サービスに係る費用を一旦、全額自己負担していただくことがあります。
3　住所地特例の対象施設に入居中の場合は、その施設の住所地の市町村の窓口へ提出してください。</t>
    <phoneticPr fontId="2"/>
  </si>
  <si>
    <t>保険者記入欄</t>
    <rPh sb="0" eb="3">
      <t>ホケンジャ</t>
    </rPh>
    <rPh sb="3" eb="6">
      <t>キニュウラン</t>
    </rPh>
    <phoneticPr fontId="2"/>
  </si>
  <si>
    <t>申請年月日</t>
    <rPh sb="0" eb="2">
      <t>シンセイ</t>
    </rPh>
    <rPh sb="2" eb="5">
      <t>ネンガッピ</t>
    </rPh>
    <phoneticPr fontId="2"/>
  </si>
  <si>
    <t>届出者</t>
    <rPh sb="0" eb="3">
      <t>トドケデシャ</t>
    </rPh>
    <phoneticPr fontId="2"/>
  </si>
  <si>
    <t>届出人本人確認</t>
    <rPh sb="0" eb="3">
      <t>トドケデニン</t>
    </rPh>
    <rPh sb="3" eb="7">
      <t>ホンニンカクニン</t>
    </rPh>
    <phoneticPr fontId="2"/>
  </si>
  <si>
    <t>番号確認方法</t>
    <rPh sb="0" eb="4">
      <t>バンゴウカクニン</t>
    </rPh>
    <rPh sb="4" eb="6">
      <t>ホウホウ</t>
    </rPh>
    <phoneticPr fontId="2"/>
  </si>
  <si>
    <t>暫定ケアプラン</t>
    <rPh sb="0" eb="2">
      <t>ザンテイ</t>
    </rPh>
    <phoneticPr fontId="2"/>
  </si>
  <si>
    <t>入力</t>
    <rPh sb="0" eb="2">
      <t>ニュウリョク</t>
    </rPh>
    <phoneticPr fontId="2"/>
  </si>
  <si>
    <t>包括確認</t>
    <rPh sb="0" eb="4">
      <t>ホウカツカクニン</t>
    </rPh>
    <phoneticPr fontId="2"/>
  </si>
  <si>
    <t>□本人</t>
    <rPh sb="1" eb="3">
      <t>ホンニン</t>
    </rPh>
    <phoneticPr fontId="2"/>
  </si>
  <si>
    <r>
      <t>□</t>
    </r>
    <r>
      <rPr>
        <sz val="6.5"/>
        <color theme="1"/>
        <rFont val="HG丸ｺﾞｼｯｸM-PRO"/>
        <family val="3"/>
        <charset val="128"/>
      </rPr>
      <t>介護支援専門員証</t>
    </r>
    <r>
      <rPr>
        <sz val="9"/>
        <color theme="1"/>
        <rFont val="HG丸ｺﾞｼｯｸM-PRO"/>
        <family val="3"/>
        <charset val="128"/>
      </rPr>
      <t xml:space="preserve">
□運転免許証
□</t>
    </r>
    <r>
      <rPr>
        <sz val="6"/>
        <color theme="1"/>
        <rFont val="HG丸ｺﾞｼｯｸM-PRO"/>
        <family val="3"/>
        <charset val="128"/>
      </rPr>
      <t>マイナンバーカード</t>
    </r>
    <r>
      <rPr>
        <sz val="9"/>
        <color theme="1"/>
        <rFont val="HG丸ｺﾞｼｯｸM-PRO"/>
        <family val="3"/>
        <charset val="128"/>
      </rPr>
      <t xml:space="preserve">
□　　　　　他
（　　　　　）</t>
    </r>
    <rPh sb="1" eb="5">
      <t>カイゴシエン</t>
    </rPh>
    <rPh sb="5" eb="8">
      <t>センモンイン</t>
    </rPh>
    <rPh sb="8" eb="9">
      <t>ショウ</t>
    </rPh>
    <rPh sb="11" eb="13">
      <t>ウンテン</t>
    </rPh>
    <rPh sb="13" eb="16">
      <t>メンキョショウ</t>
    </rPh>
    <rPh sb="25" eb="26">
      <t>ホカ</t>
    </rPh>
    <phoneticPr fontId="2"/>
  </si>
  <si>
    <r>
      <t>□</t>
    </r>
    <r>
      <rPr>
        <sz val="6"/>
        <color theme="1"/>
        <rFont val="HG丸ｺﾞｼｯｸM-PRO"/>
        <family val="3"/>
        <charset val="128"/>
      </rPr>
      <t>マイナンバーカード</t>
    </r>
    <r>
      <rPr>
        <sz val="9"/>
        <color theme="1"/>
        <rFont val="HG丸ｺﾞｼｯｸM-PRO"/>
        <family val="3"/>
        <charset val="128"/>
      </rPr>
      <t xml:space="preserve">
□通知カード
□職権確認
□　　　　　他
（　　　　　）</t>
    </r>
    <rPh sb="12" eb="14">
      <t>ツウチ</t>
    </rPh>
    <rPh sb="19" eb="23">
      <t>ショッケンカクニン</t>
    </rPh>
    <rPh sb="30" eb="31">
      <t>ホカ</t>
    </rPh>
    <phoneticPr fontId="2"/>
  </si>
  <si>
    <t>□　有
　　予防・介護
　　　年　月　日
～　　年　月　日
□　無</t>
    <rPh sb="2" eb="3">
      <t>アリ</t>
    </rPh>
    <rPh sb="6" eb="8">
      <t>ヨボウ</t>
    </rPh>
    <rPh sb="9" eb="11">
      <t>カイゴ</t>
    </rPh>
    <rPh sb="15" eb="16">
      <t>ネン</t>
    </rPh>
    <rPh sb="17" eb="18">
      <t>ガツ</t>
    </rPh>
    <rPh sb="19" eb="20">
      <t>ニチ</t>
    </rPh>
    <rPh sb="24" eb="25">
      <t>ネン</t>
    </rPh>
    <rPh sb="26" eb="27">
      <t>ガツ</t>
    </rPh>
    <rPh sb="28" eb="29">
      <t>ニチ</t>
    </rPh>
    <rPh sb="32" eb="33">
      <t>ナシ</t>
    </rPh>
    <phoneticPr fontId="2"/>
  </si>
  <si>
    <t>□　済　□　未
（　　月　　日）</t>
    <rPh sb="2" eb="3">
      <t>ス</t>
    </rPh>
    <rPh sb="6" eb="7">
      <t>ミ</t>
    </rPh>
    <phoneticPr fontId="2"/>
  </si>
  <si>
    <t>□家族</t>
    <rPh sb="1" eb="3">
      <t>カゾク</t>
    </rPh>
    <phoneticPr fontId="2"/>
  </si>
  <si>
    <t>□事業者</t>
    <rPh sb="1" eb="4">
      <t>ジギョウシャ</t>
    </rPh>
    <phoneticPr fontId="2"/>
  </si>
  <si>
    <t>被保険者証の受領</t>
    <rPh sb="0" eb="4">
      <t>ヒホケンシャ</t>
    </rPh>
    <rPh sb="4" eb="5">
      <t>ショウ</t>
    </rPh>
    <rPh sb="6" eb="8">
      <t>ジュリョウ</t>
    </rPh>
    <phoneticPr fontId="2"/>
  </si>
  <si>
    <t>被保険者証交付</t>
    <rPh sb="0" eb="5">
      <t>ヒホケンシャショウ</t>
    </rPh>
    <rPh sb="5" eb="7">
      <t>コウフ</t>
    </rPh>
    <phoneticPr fontId="2"/>
  </si>
  <si>
    <t>その他</t>
    <rPh sb="2" eb="3">
      <t>タ</t>
    </rPh>
    <phoneticPr fontId="2"/>
  </si>
  <si>
    <t>□済</t>
    <rPh sb="1" eb="2">
      <t>ス</t>
    </rPh>
    <phoneticPr fontId="2"/>
  </si>
  <si>
    <t>□未</t>
    <rPh sb="1" eb="2">
      <t>ミ</t>
    </rPh>
    <phoneticPr fontId="2"/>
  </si>
  <si>
    <t>□後日提出</t>
    <rPh sb="1" eb="5">
      <t>ゴジツテイシュツ</t>
    </rPh>
    <phoneticPr fontId="2"/>
  </si>
  <si>
    <t xml:space="preserve">  □紛失</t>
    <rPh sb="3" eb="5">
      <t>フンシツ</t>
    </rPh>
    <phoneticPr fontId="2"/>
  </si>
  <si>
    <t>介護予防支援事業所（地域包括支援センター）番号</t>
    <rPh sb="0" eb="4">
      <t>カイゴヨボウ</t>
    </rPh>
    <rPh sb="4" eb="9">
      <t>シエンジギョウショ</t>
    </rPh>
    <rPh sb="10" eb="12">
      <t>チイキ</t>
    </rPh>
    <rPh sb="12" eb="14">
      <t>ホウカツ</t>
    </rPh>
    <rPh sb="14" eb="16">
      <t>シエン</t>
    </rPh>
    <rPh sb="21" eb="23">
      <t>バンゴ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411]ggge&quot;年&quot;m&quot;月&quot;d&quot;日&quot;;@"/>
  </numFmts>
  <fonts count="12" x14ac:knownFonts="1">
    <font>
      <sz val="11"/>
      <color theme="1"/>
      <name val="ＭＳ Ｐゴシック"/>
      <family val="2"/>
      <charset val="128"/>
      <scheme val="minor"/>
    </font>
    <font>
      <sz val="13"/>
      <color theme="1"/>
      <name val="HG丸ｺﾞｼｯｸM-PRO"/>
      <family val="3"/>
      <charset val="128"/>
    </font>
    <font>
      <sz val="6"/>
      <name val="ＭＳ Ｐゴシック"/>
      <family val="2"/>
      <charset val="128"/>
      <scheme val="minor"/>
    </font>
    <font>
      <sz val="11"/>
      <color theme="1"/>
      <name val="HG丸ｺﾞｼｯｸM-PRO"/>
      <family val="3"/>
      <charset val="128"/>
    </font>
    <font>
      <sz val="10"/>
      <color theme="1"/>
      <name val="HG丸ｺﾞｼｯｸM-PRO"/>
      <family val="3"/>
      <charset val="128"/>
    </font>
    <font>
      <sz val="9"/>
      <color theme="1"/>
      <name val="HG丸ｺﾞｼｯｸM-PRO"/>
      <family val="3"/>
      <charset val="128"/>
    </font>
    <font>
      <sz val="14"/>
      <color theme="1"/>
      <name val="HG丸ｺﾞｼｯｸM-PRO"/>
      <family val="3"/>
      <charset val="128"/>
    </font>
    <font>
      <sz val="22"/>
      <color theme="1"/>
      <name val="HG丸ｺﾞｼｯｸM-PRO"/>
      <family val="3"/>
      <charset val="128"/>
    </font>
    <font>
      <sz val="8"/>
      <color theme="1"/>
      <name val="HG丸ｺﾞｼｯｸM-PRO"/>
      <family val="3"/>
      <charset val="128"/>
    </font>
    <font>
      <sz val="9"/>
      <color theme="1"/>
      <name val="ＭＳ Ｐゴシック"/>
      <family val="2"/>
      <charset val="128"/>
      <scheme val="minor"/>
    </font>
    <font>
      <sz val="6.5"/>
      <color theme="1"/>
      <name val="HG丸ｺﾞｼｯｸM-PRO"/>
      <family val="3"/>
      <charset val="128"/>
    </font>
    <font>
      <sz val="6"/>
      <color theme="1"/>
      <name val="HG丸ｺﾞｼｯｸM-PRO"/>
      <family val="3"/>
      <charset val="128"/>
    </font>
  </fonts>
  <fills count="3">
    <fill>
      <patternFill patternType="none"/>
    </fill>
    <fill>
      <patternFill patternType="gray125"/>
    </fill>
    <fill>
      <patternFill patternType="solid">
        <fgColor rgb="FFCCFFCC"/>
        <bgColor indexed="64"/>
      </patternFill>
    </fill>
  </fills>
  <borders count="2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style="hair">
        <color indexed="64"/>
      </right>
      <top style="thin">
        <color indexed="64"/>
      </top>
      <bottom style="thin">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s>
  <cellStyleXfs count="1">
    <xf numFmtId="0" fontId="0" fillId="0" borderId="0">
      <alignment vertical="center"/>
    </xf>
  </cellStyleXfs>
  <cellXfs count="156">
    <xf numFmtId="0" fontId="0" fillId="0" borderId="0" xfId="0">
      <alignment vertical="center"/>
    </xf>
    <xf numFmtId="0" fontId="3" fillId="2" borderId="0" xfId="0" applyFont="1" applyFill="1">
      <alignment vertical="center"/>
    </xf>
    <xf numFmtId="0" fontId="5" fillId="2" borderId="0" xfId="0" applyFont="1" applyFill="1" applyAlignment="1">
      <alignment vertical="top" wrapText="1"/>
    </xf>
    <xf numFmtId="0" fontId="9" fillId="0" borderId="0" xfId="0" applyFont="1">
      <alignment vertical="center"/>
    </xf>
    <xf numFmtId="0" fontId="5" fillId="2" borderId="0" xfId="0" applyFont="1" applyFill="1">
      <alignment vertical="center"/>
    </xf>
    <xf numFmtId="0" fontId="1" fillId="0" borderId="0" xfId="0" applyFont="1" applyAlignment="1">
      <alignment horizontal="center" vertical="center"/>
    </xf>
    <xf numFmtId="0" fontId="3" fillId="0" borderId="0" xfId="0" applyFont="1" applyAlignment="1">
      <alignment vertical="center" wrapText="1"/>
    </xf>
    <xf numFmtId="0" fontId="3" fillId="0" borderId="0" xfId="0" applyFont="1">
      <alignment vertical="center"/>
    </xf>
    <xf numFmtId="0" fontId="3" fillId="0" borderId="0" xfId="0" applyFont="1" applyAlignment="1">
      <alignment vertical="top" wrapText="1"/>
    </xf>
    <xf numFmtId="0" fontId="6" fillId="0" borderId="1" xfId="0" applyFont="1" applyBorder="1" applyAlignment="1">
      <alignment vertical="top" wrapText="1"/>
    </xf>
    <xf numFmtId="0" fontId="3" fillId="0" borderId="7" xfId="0" applyFont="1" applyBorder="1" applyAlignment="1">
      <alignment horizontal="center" vertical="center" shrinkToFit="1"/>
    </xf>
    <xf numFmtId="0" fontId="6" fillId="0" borderId="3" xfId="0" applyFont="1" applyBorder="1" applyAlignment="1">
      <alignment vertical="center" wrapText="1"/>
    </xf>
    <xf numFmtId="0" fontId="6" fillId="0" borderId="14" xfId="0" applyFont="1" applyBorder="1" applyAlignment="1">
      <alignment horizontal="center" vertical="center" shrinkToFit="1"/>
    </xf>
    <xf numFmtId="0" fontId="6" fillId="0" borderId="7" xfId="0" applyFont="1" applyBorder="1" applyAlignment="1">
      <alignment horizontal="center" vertical="center" shrinkToFit="1"/>
    </xf>
    <xf numFmtId="0" fontId="6" fillId="0" borderId="15" xfId="0" applyFont="1" applyBorder="1" applyAlignment="1">
      <alignment horizontal="center" vertical="center" shrinkToFit="1"/>
    </xf>
    <xf numFmtId="0" fontId="4" fillId="0" borderId="20" xfId="0" applyFont="1" applyBorder="1" applyAlignment="1">
      <alignment horizontal="center" vertical="center" wrapText="1"/>
    </xf>
    <xf numFmtId="0" fontId="3" fillId="0" borderId="19" xfId="0" applyFont="1" applyBorder="1">
      <alignment vertical="center"/>
    </xf>
    <xf numFmtId="0" fontId="3" fillId="0" borderId="20" xfId="0" applyFont="1" applyBorder="1">
      <alignment vertical="center"/>
    </xf>
    <xf numFmtId="0" fontId="3" fillId="0" borderId="21" xfId="0" applyFont="1" applyBorder="1">
      <alignment vertical="center"/>
    </xf>
    <xf numFmtId="0" fontId="4" fillId="0" borderId="0" xfId="0" applyFont="1" applyAlignment="1">
      <alignment horizontal="left" vertical="top" wrapText="1"/>
    </xf>
    <xf numFmtId="0" fontId="4" fillId="0" borderId="13" xfId="0" applyFont="1" applyBorder="1" applyAlignment="1">
      <alignment horizontal="left" vertical="top" wrapText="1"/>
    </xf>
    <xf numFmtId="0" fontId="3" fillId="0" borderId="11" xfId="0" applyFont="1" applyBorder="1" applyAlignment="1">
      <alignment horizontal="center" vertical="center" wrapText="1"/>
    </xf>
    <xf numFmtId="0" fontId="4" fillId="0" borderId="20" xfId="0" applyFont="1" applyBorder="1" applyAlignment="1">
      <alignment vertical="center" wrapText="1"/>
    </xf>
    <xf numFmtId="0" fontId="4" fillId="0" borderId="21" xfId="0" applyFont="1" applyBorder="1" applyAlignment="1">
      <alignment vertical="center" wrapText="1"/>
    </xf>
    <xf numFmtId="0" fontId="3" fillId="0" borderId="12" xfId="0" applyFont="1" applyBorder="1" applyAlignment="1">
      <alignment horizontal="center" vertical="center" shrinkToFit="1"/>
    </xf>
    <xf numFmtId="0" fontId="3" fillId="0" borderId="0" xfId="0" applyFont="1" applyAlignment="1">
      <alignment horizontal="center" vertical="center" shrinkToFit="1"/>
    </xf>
    <xf numFmtId="0" fontId="3" fillId="0" borderId="13" xfId="0" applyFont="1" applyBorder="1" applyAlignment="1">
      <alignment horizontal="center" vertical="center" shrinkToFit="1"/>
    </xf>
    <xf numFmtId="0" fontId="3" fillId="0" borderId="12" xfId="0" applyFont="1" applyBorder="1" applyAlignment="1">
      <alignment horizontal="left" vertical="center" wrapText="1"/>
    </xf>
    <xf numFmtId="0" fontId="3" fillId="0" borderId="0" xfId="0" applyFont="1" applyAlignment="1">
      <alignment horizontal="left" vertical="center" wrapText="1"/>
    </xf>
    <xf numFmtId="0" fontId="3" fillId="0" borderId="20" xfId="0" applyFont="1" applyBorder="1" applyAlignment="1">
      <alignment vertical="top" wrapText="1"/>
    </xf>
    <xf numFmtId="0" fontId="3" fillId="0" borderId="21" xfId="0" applyFont="1" applyBorder="1" applyAlignment="1">
      <alignment vertical="center" wrapText="1"/>
    </xf>
    <xf numFmtId="0" fontId="3" fillId="0" borderId="20" xfId="0" applyFont="1" applyBorder="1" applyAlignment="1">
      <alignment horizontal="left" vertical="center" wrapText="1"/>
    </xf>
    <xf numFmtId="0" fontId="3" fillId="0" borderId="13" xfId="0" applyFont="1" applyBorder="1" applyAlignment="1">
      <alignment vertical="center" wrapText="1"/>
    </xf>
    <xf numFmtId="0" fontId="3" fillId="0" borderId="12" xfId="0" applyFont="1" applyBorder="1" applyAlignment="1">
      <alignment vertical="top" wrapText="1"/>
    </xf>
    <xf numFmtId="0" fontId="4" fillId="0" borderId="0" xfId="0" applyFont="1">
      <alignment vertical="center"/>
    </xf>
    <xf numFmtId="0" fontId="4" fillId="0" borderId="0" xfId="0" applyFont="1" applyAlignment="1">
      <alignment horizontal="center" vertical="center"/>
    </xf>
    <xf numFmtId="0" fontId="4" fillId="0" borderId="2" xfId="0" applyFont="1" applyBorder="1" applyAlignment="1">
      <alignment vertical="center" wrapText="1"/>
    </xf>
    <xf numFmtId="0" fontId="3" fillId="0" borderId="2" xfId="0" applyFont="1" applyBorder="1" applyAlignment="1">
      <alignment vertical="center" wrapText="1"/>
    </xf>
    <xf numFmtId="0" fontId="4" fillId="0" borderId="12" xfId="0" applyFont="1" applyBorder="1" applyAlignment="1">
      <alignment vertical="center" wrapText="1"/>
    </xf>
    <xf numFmtId="0" fontId="4" fillId="0" borderId="0" xfId="0" applyFont="1" applyAlignment="1">
      <alignment vertical="center" wrapText="1"/>
    </xf>
    <xf numFmtId="0" fontId="4" fillId="0" borderId="0" xfId="0" applyFont="1" applyAlignment="1">
      <alignment horizontal="center" vertical="center" wrapText="1"/>
    </xf>
    <xf numFmtId="0" fontId="4" fillId="0" borderId="20" xfId="0" applyFont="1" applyBorder="1" applyAlignment="1">
      <alignment horizontal="left" vertical="center"/>
    </xf>
    <xf numFmtId="0" fontId="5" fillId="0" borderId="0" xfId="0" applyFont="1" applyAlignment="1">
      <alignment vertical="center" wrapText="1"/>
    </xf>
    <xf numFmtId="0" fontId="5" fillId="0" borderId="0" xfId="0" applyFont="1">
      <alignment vertical="center"/>
    </xf>
    <xf numFmtId="0" fontId="5" fillId="0" borderId="11" xfId="0" applyFont="1" applyBorder="1" applyAlignment="1">
      <alignment horizontal="center" vertical="center"/>
    </xf>
    <xf numFmtId="0" fontId="4" fillId="0" borderId="11" xfId="0" applyFont="1" applyBorder="1" applyAlignment="1">
      <alignment horizontal="center" vertical="center"/>
    </xf>
    <xf numFmtId="0" fontId="4" fillId="0" borderId="12" xfId="0" applyFont="1" applyBorder="1" applyAlignment="1">
      <alignment horizontal="left" vertical="center"/>
    </xf>
    <xf numFmtId="0" fontId="4" fillId="0" borderId="0" xfId="0" applyFont="1" applyAlignment="1">
      <alignment horizontal="left" vertical="center"/>
    </xf>
    <xf numFmtId="0" fontId="4" fillId="0" borderId="13" xfId="0" applyFont="1" applyBorder="1" applyAlignment="1">
      <alignment horizontal="left" vertical="center"/>
    </xf>
    <xf numFmtId="0" fontId="4" fillId="0" borderId="19" xfId="0" applyFont="1" applyBorder="1" applyAlignment="1">
      <alignment horizontal="center" vertical="center" wrapText="1"/>
    </xf>
    <xf numFmtId="0" fontId="4" fillId="0" borderId="20" xfId="0" applyFont="1" applyBorder="1" applyAlignment="1">
      <alignment horizontal="center" vertical="center"/>
    </xf>
    <xf numFmtId="0" fontId="4" fillId="0" borderId="21" xfId="0" applyFont="1" applyBorder="1" applyAlignment="1">
      <alignment horizontal="center" vertical="center"/>
    </xf>
    <xf numFmtId="0" fontId="4" fillId="0" borderId="12" xfId="0" applyFont="1" applyBorder="1" applyAlignment="1">
      <alignment horizontal="center" vertical="center"/>
    </xf>
    <xf numFmtId="0" fontId="4" fillId="0" borderId="0" xfId="0" applyFont="1" applyAlignment="1">
      <alignment horizontal="center" vertical="center"/>
    </xf>
    <xf numFmtId="0" fontId="4" fillId="0" borderId="13" xfId="0" applyFont="1" applyBorder="1" applyAlignment="1">
      <alignment horizontal="center" vertical="center"/>
    </xf>
    <xf numFmtId="0" fontId="3" fillId="0" borderId="11" xfId="0" applyFont="1" applyBorder="1" applyAlignment="1">
      <alignment horizontal="center" vertical="center"/>
    </xf>
    <xf numFmtId="0" fontId="4" fillId="0" borderId="16" xfId="0" applyFont="1" applyBorder="1" applyAlignment="1">
      <alignment horizontal="left" vertical="center"/>
    </xf>
    <xf numFmtId="0" fontId="4" fillId="0" borderId="17" xfId="0" applyFont="1" applyBorder="1" applyAlignment="1">
      <alignment horizontal="left" vertical="center"/>
    </xf>
    <xf numFmtId="0" fontId="4" fillId="0" borderId="18" xfId="0" applyFont="1" applyBorder="1" applyAlignment="1">
      <alignment horizontal="left"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xf>
    <xf numFmtId="0" fontId="4" fillId="0" borderId="19" xfId="0" applyFont="1" applyBorder="1" applyAlignment="1">
      <alignment horizontal="left" vertical="center"/>
    </xf>
    <xf numFmtId="0" fontId="4" fillId="0" borderId="20" xfId="0" applyFont="1" applyBorder="1" applyAlignment="1">
      <alignment horizontal="left" vertical="center"/>
    </xf>
    <xf numFmtId="0" fontId="4" fillId="0" borderId="21" xfId="0" applyFont="1" applyBorder="1" applyAlignment="1">
      <alignment horizontal="left" vertical="center"/>
    </xf>
    <xf numFmtId="0" fontId="5" fillId="0" borderId="11" xfId="0" applyFont="1" applyBorder="1" applyAlignment="1">
      <alignment horizontal="left" vertical="center" wrapText="1"/>
    </xf>
    <xf numFmtId="0" fontId="5" fillId="0" borderId="11" xfId="0" applyFont="1" applyBorder="1" applyAlignment="1">
      <alignment horizontal="left" vertical="center"/>
    </xf>
    <xf numFmtId="0" fontId="4" fillId="0" borderId="11" xfId="0" applyFont="1" applyBorder="1" applyAlignment="1">
      <alignment horizontal="left" vertical="center" wrapText="1"/>
    </xf>
    <xf numFmtId="0" fontId="4" fillId="0" borderId="11" xfId="0" applyFont="1" applyBorder="1" applyAlignment="1">
      <alignment horizontal="left" vertical="center"/>
    </xf>
    <xf numFmtId="0" fontId="4" fillId="0" borderId="16" xfId="0" applyFont="1" applyBorder="1" applyAlignment="1">
      <alignment horizontal="center" vertical="center"/>
    </xf>
    <xf numFmtId="0" fontId="4" fillId="0" borderId="17" xfId="0" applyFont="1" applyBorder="1" applyAlignment="1">
      <alignment horizontal="center" vertical="center"/>
    </xf>
    <xf numFmtId="0" fontId="4" fillId="0" borderId="18" xfId="0" applyFont="1" applyBorder="1" applyAlignment="1">
      <alignment horizontal="center" vertical="center"/>
    </xf>
    <xf numFmtId="0" fontId="4" fillId="0" borderId="20" xfId="0" applyFont="1" applyBorder="1" applyAlignment="1">
      <alignment horizontal="left" vertical="top" wrapText="1"/>
    </xf>
    <xf numFmtId="0" fontId="4" fillId="0" borderId="19" xfId="0" applyFont="1" applyBorder="1" applyAlignment="1">
      <alignment horizontal="left" vertical="top" wrapText="1"/>
    </xf>
    <xf numFmtId="0" fontId="4" fillId="0" borderId="21" xfId="0" applyFont="1" applyBorder="1" applyAlignment="1">
      <alignment horizontal="left" vertical="top" wrapText="1"/>
    </xf>
    <xf numFmtId="0" fontId="4" fillId="0" borderId="12" xfId="0" applyFont="1" applyBorder="1" applyAlignment="1">
      <alignment horizontal="left" vertical="top" wrapText="1"/>
    </xf>
    <xf numFmtId="0" fontId="4" fillId="0" borderId="0" xfId="0" applyFont="1" applyAlignment="1">
      <alignment horizontal="left" vertical="top" wrapText="1"/>
    </xf>
    <xf numFmtId="0" fontId="4" fillId="0" borderId="13" xfId="0" applyFont="1" applyBorder="1" applyAlignment="1">
      <alignment horizontal="left" vertical="top" wrapText="1"/>
    </xf>
    <xf numFmtId="0" fontId="4" fillId="0" borderId="17" xfId="0" applyFont="1" applyBorder="1" applyAlignment="1">
      <alignment horizontal="right" vertical="center" wrapText="1"/>
    </xf>
    <xf numFmtId="0" fontId="4" fillId="0" borderId="17" xfId="0" applyFont="1" applyBorder="1" applyAlignment="1">
      <alignment horizontal="left" vertical="center" wrapText="1"/>
    </xf>
    <xf numFmtId="0" fontId="4" fillId="0" borderId="18" xfId="0" applyFont="1" applyBorder="1" applyAlignment="1">
      <alignment horizontal="left" vertical="center" wrapText="1"/>
    </xf>
    <xf numFmtId="0" fontId="4" fillId="0" borderId="2" xfId="0" applyFont="1" applyBorder="1" applyAlignment="1">
      <alignment horizontal="left" vertical="center"/>
    </xf>
    <xf numFmtId="0" fontId="4" fillId="0" borderId="3" xfId="0" applyFont="1" applyBorder="1" applyAlignment="1">
      <alignment horizontal="left" vertical="center"/>
    </xf>
    <xf numFmtId="0" fontId="4" fillId="0" borderId="20" xfId="0" applyFont="1" applyBorder="1" applyAlignment="1">
      <alignment horizontal="left" vertical="center" wrapText="1"/>
    </xf>
    <xf numFmtId="0" fontId="4" fillId="0" borderId="0" xfId="0" applyFont="1" applyAlignment="1">
      <alignment horizontal="left" vertical="center" wrapText="1"/>
    </xf>
    <xf numFmtId="0" fontId="4" fillId="0" borderId="19" xfId="0" applyFont="1" applyBorder="1" applyAlignment="1">
      <alignment horizontal="left" vertical="center" wrapText="1"/>
    </xf>
    <xf numFmtId="0" fontId="3" fillId="0" borderId="0" xfId="0" applyFont="1" applyAlignment="1">
      <alignment horizontal="left" vertical="top" wrapText="1"/>
    </xf>
    <xf numFmtId="0" fontId="3" fillId="0" borderId="17" xfId="0" applyFont="1" applyBorder="1" applyAlignment="1">
      <alignment horizontal="left" vertical="top" wrapText="1"/>
    </xf>
    <xf numFmtId="0" fontId="4" fillId="0" borderId="17" xfId="0" applyFont="1" applyBorder="1" applyAlignment="1">
      <alignment horizontal="center" vertical="top" wrapText="1"/>
    </xf>
    <xf numFmtId="0" fontId="5" fillId="0" borderId="17" xfId="0" applyFont="1" applyBorder="1" applyAlignment="1">
      <alignment horizontal="left" vertical="center" wrapText="1"/>
    </xf>
    <xf numFmtId="0" fontId="5" fillId="0" borderId="18" xfId="0" applyFont="1" applyBorder="1" applyAlignment="1">
      <alignment horizontal="left" vertical="center" wrapText="1"/>
    </xf>
    <xf numFmtId="0" fontId="5" fillId="0" borderId="1" xfId="0" applyFont="1" applyBorder="1" applyAlignment="1">
      <alignment horizontal="center" vertical="center" wrapText="1"/>
    </xf>
    <xf numFmtId="0" fontId="5" fillId="0" borderId="2" xfId="0" applyFont="1" applyBorder="1" applyAlignment="1">
      <alignment horizontal="center" vertical="center" wrapText="1"/>
    </xf>
    <xf numFmtId="0" fontId="5" fillId="0" borderId="3" xfId="0" applyFont="1" applyBorder="1" applyAlignment="1">
      <alignment horizontal="center" vertical="center" wrapText="1"/>
    </xf>
    <xf numFmtId="0" fontId="3" fillId="0" borderId="1"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4" fillId="0" borderId="11" xfId="0" applyFont="1" applyBorder="1" applyAlignment="1">
      <alignment horizontal="center" vertical="center" wrapText="1"/>
    </xf>
    <xf numFmtId="0" fontId="8" fillId="0" borderId="19" xfId="0" applyFont="1" applyBorder="1" applyAlignment="1">
      <alignment horizontal="left" vertical="top" wrapText="1"/>
    </xf>
    <xf numFmtId="0" fontId="8" fillId="0" borderId="20" xfId="0" applyFont="1" applyBorder="1" applyAlignment="1">
      <alignment horizontal="left" vertical="top" wrapText="1"/>
    </xf>
    <xf numFmtId="0" fontId="5" fillId="0" borderId="16" xfId="0" applyFont="1" applyBorder="1" applyAlignment="1">
      <alignment horizontal="center" vertical="center" wrapText="1"/>
    </xf>
    <xf numFmtId="0" fontId="5" fillId="0" borderId="17" xfId="0" applyFont="1" applyBorder="1" applyAlignment="1">
      <alignment horizontal="center" vertical="center" wrapText="1"/>
    </xf>
    <xf numFmtId="0" fontId="5" fillId="0" borderId="18" xfId="0" applyFont="1" applyBorder="1" applyAlignment="1">
      <alignment horizontal="center" vertical="center" wrapText="1"/>
    </xf>
    <xf numFmtId="0" fontId="4" fillId="0" borderId="1" xfId="0" applyFont="1" applyBorder="1" applyAlignment="1">
      <alignment horizontal="center" vertical="top" wrapText="1"/>
    </xf>
    <xf numFmtId="0" fontId="4" fillId="0" borderId="2" xfId="0" applyFont="1" applyBorder="1" applyAlignment="1">
      <alignment horizontal="center" vertical="top" wrapText="1"/>
    </xf>
    <xf numFmtId="0" fontId="4" fillId="0" borderId="3" xfId="0" applyFont="1" applyBorder="1" applyAlignment="1">
      <alignment horizontal="center" vertical="top" wrapText="1"/>
    </xf>
    <xf numFmtId="0" fontId="3" fillId="0" borderId="12" xfId="0" applyFont="1" applyBorder="1" applyAlignment="1">
      <alignment horizontal="center" vertical="center" shrinkToFit="1"/>
    </xf>
    <xf numFmtId="0" fontId="3" fillId="0" borderId="0" xfId="0" applyFont="1" applyAlignment="1">
      <alignment horizontal="center" vertical="center" shrinkToFit="1"/>
    </xf>
    <xf numFmtId="0" fontId="3" fillId="0" borderId="13" xfId="0" applyFont="1" applyBorder="1" applyAlignment="1">
      <alignment horizontal="center" vertical="center" shrinkToFit="1"/>
    </xf>
    <xf numFmtId="0" fontId="3" fillId="0" borderId="12" xfId="0" applyFont="1" applyBorder="1" applyAlignment="1">
      <alignment horizontal="center" vertical="center" wrapText="1"/>
    </xf>
    <xf numFmtId="0" fontId="3" fillId="0" borderId="0" xfId="0" applyFont="1" applyAlignment="1">
      <alignment horizontal="center" vertical="center" wrapText="1"/>
    </xf>
    <xf numFmtId="0" fontId="3" fillId="0" borderId="13" xfId="0" applyFont="1" applyBorder="1" applyAlignment="1">
      <alignment horizontal="center" vertical="center" wrapText="1"/>
    </xf>
    <xf numFmtId="0" fontId="4" fillId="0" borderId="1" xfId="0" applyFont="1" applyBorder="1" applyAlignment="1">
      <alignment horizontal="center" vertical="center" wrapText="1"/>
    </xf>
    <xf numFmtId="0" fontId="4" fillId="0" borderId="2" xfId="0" applyFont="1" applyBorder="1" applyAlignment="1">
      <alignment horizontal="center" vertical="center" wrapText="1"/>
    </xf>
    <xf numFmtId="0" fontId="4" fillId="0" borderId="3" xfId="0" applyFont="1" applyBorder="1" applyAlignment="1">
      <alignment horizontal="center" vertical="center" wrapText="1"/>
    </xf>
    <xf numFmtId="0" fontId="8" fillId="0" borderId="1" xfId="0" applyFont="1" applyBorder="1" applyAlignment="1">
      <alignment horizontal="left" vertical="top" wrapText="1"/>
    </xf>
    <xf numFmtId="0" fontId="8" fillId="0" borderId="2" xfId="0" applyFont="1" applyBorder="1" applyAlignment="1">
      <alignment horizontal="left" vertical="top" wrapText="1"/>
    </xf>
    <xf numFmtId="0" fontId="8" fillId="0" borderId="3" xfId="0" applyFont="1" applyBorder="1" applyAlignment="1">
      <alignment horizontal="left" vertical="top" wrapText="1"/>
    </xf>
    <xf numFmtId="0" fontId="4" fillId="0" borderId="20" xfId="0" applyFont="1" applyBorder="1" applyAlignment="1">
      <alignment horizontal="center" vertical="center" wrapText="1"/>
    </xf>
    <xf numFmtId="0" fontId="4" fillId="0" borderId="21"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7" xfId="0" applyFont="1" applyBorder="1" applyAlignment="1">
      <alignment horizontal="center" vertical="center" wrapText="1"/>
    </xf>
    <xf numFmtId="0" fontId="4" fillId="0" borderId="18" xfId="0" applyFont="1" applyBorder="1" applyAlignment="1">
      <alignment horizontal="center" vertical="center" wrapText="1"/>
    </xf>
    <xf numFmtId="0" fontId="4" fillId="0" borderId="11" xfId="0" applyFont="1" applyBorder="1" applyAlignment="1">
      <alignment horizontal="left" vertical="top" wrapText="1"/>
    </xf>
    <xf numFmtId="0" fontId="4" fillId="0" borderId="20" xfId="0" applyFont="1" applyBorder="1" applyAlignment="1">
      <alignment horizontal="center" vertical="top" wrapText="1"/>
    </xf>
    <xf numFmtId="0" fontId="4" fillId="0" borderId="21" xfId="0" applyFont="1" applyBorder="1" applyAlignment="1">
      <alignment horizontal="center" vertical="top" wrapText="1"/>
    </xf>
    <xf numFmtId="0" fontId="4" fillId="0" borderId="0" xfId="0" applyFont="1" applyAlignment="1">
      <alignment horizontal="center" vertical="top" wrapText="1"/>
    </xf>
    <xf numFmtId="0" fontId="4" fillId="0" borderId="13" xfId="0" applyFont="1" applyBorder="1" applyAlignment="1">
      <alignment horizontal="center" vertical="top" wrapText="1"/>
    </xf>
    <xf numFmtId="0" fontId="3" fillId="0" borderId="16" xfId="0" applyFont="1" applyBorder="1" applyAlignment="1">
      <alignment horizontal="center" vertical="center" wrapText="1"/>
    </xf>
    <xf numFmtId="0" fontId="3" fillId="0" borderId="17" xfId="0" applyFont="1" applyBorder="1" applyAlignment="1">
      <alignment horizontal="center" vertical="center" wrapText="1"/>
    </xf>
    <xf numFmtId="0" fontId="3" fillId="0" borderId="18" xfId="0" applyFont="1" applyBorder="1" applyAlignment="1">
      <alignment horizontal="center" vertical="center" wrapText="1"/>
    </xf>
    <xf numFmtId="0" fontId="7" fillId="0" borderId="8" xfId="0" applyFont="1" applyBorder="1" applyAlignment="1">
      <alignment horizontal="center" vertical="center" wrapText="1"/>
    </xf>
    <xf numFmtId="0" fontId="7" fillId="0" borderId="9" xfId="0" applyFont="1" applyBorder="1" applyAlignment="1">
      <alignment horizontal="center" vertical="center" wrapText="1"/>
    </xf>
    <xf numFmtId="0" fontId="7" fillId="0" borderId="10" xfId="0" applyFont="1" applyBorder="1" applyAlignment="1">
      <alignment horizontal="center" vertical="center" wrapText="1"/>
    </xf>
    <xf numFmtId="0" fontId="7" fillId="0" borderId="12" xfId="0" applyFont="1" applyBorder="1" applyAlignment="1">
      <alignment horizontal="center" vertical="center" wrapText="1"/>
    </xf>
    <xf numFmtId="0" fontId="7" fillId="0" borderId="0" xfId="0" applyFont="1" applyAlignment="1">
      <alignment horizontal="center" vertical="center" wrapText="1"/>
    </xf>
    <xf numFmtId="0" fontId="7" fillId="0" borderId="13" xfId="0" applyFont="1" applyBorder="1" applyAlignment="1">
      <alignment horizontal="center" vertical="center" wrapText="1"/>
    </xf>
    <xf numFmtId="0" fontId="7" fillId="0" borderId="16" xfId="0" applyFont="1" applyBorder="1" applyAlignment="1">
      <alignment horizontal="center" vertical="center" wrapText="1"/>
    </xf>
    <xf numFmtId="0" fontId="7" fillId="0" borderId="17" xfId="0" applyFont="1" applyBorder="1" applyAlignment="1">
      <alignment horizontal="center" vertical="center" wrapText="1"/>
    </xf>
    <xf numFmtId="0" fontId="7" fillId="0" borderId="18" xfId="0" applyFont="1" applyBorder="1" applyAlignment="1">
      <alignment horizontal="center" vertical="center" wrapText="1"/>
    </xf>
    <xf numFmtId="0" fontId="4" fillId="0" borderId="11" xfId="0" applyFont="1" applyBorder="1" applyAlignment="1">
      <alignment horizontal="center" vertical="center" shrinkToFit="1"/>
    </xf>
    <xf numFmtId="176" fontId="4" fillId="0" borderId="11" xfId="0" applyNumberFormat="1" applyFont="1" applyBorder="1" applyAlignment="1">
      <alignment horizontal="center" vertical="center" shrinkToFit="1"/>
    </xf>
    <xf numFmtId="0" fontId="1" fillId="0" borderId="0" xfId="0" applyFont="1" applyAlignment="1">
      <alignment horizontal="center" vertical="center"/>
    </xf>
    <xf numFmtId="0" fontId="3" fillId="0" borderId="1" xfId="0" applyFont="1" applyBorder="1" applyAlignment="1">
      <alignment horizontal="center" vertical="center" wrapText="1"/>
    </xf>
    <xf numFmtId="0" fontId="3" fillId="0" borderId="2" xfId="0" applyFont="1" applyBorder="1" applyAlignment="1">
      <alignment horizontal="center" vertical="center" wrapText="1"/>
    </xf>
    <xf numFmtId="0" fontId="3" fillId="0" borderId="3" xfId="0" applyFont="1" applyBorder="1" applyAlignment="1">
      <alignment horizontal="center" vertical="center" wrapText="1"/>
    </xf>
    <xf numFmtId="0" fontId="3" fillId="0" borderId="1" xfId="0" applyFont="1" applyBorder="1" applyAlignment="1">
      <alignment horizontal="center" vertical="top" wrapText="1"/>
    </xf>
    <xf numFmtId="0" fontId="3" fillId="0" borderId="2" xfId="0" applyFont="1" applyBorder="1" applyAlignment="1">
      <alignment horizontal="center" vertical="top" wrapText="1"/>
    </xf>
    <xf numFmtId="0" fontId="3" fillId="0" borderId="3" xfId="0" applyFont="1" applyBorder="1" applyAlignment="1">
      <alignment horizontal="center" vertical="top" wrapText="1"/>
    </xf>
    <xf numFmtId="0" fontId="4" fillId="0" borderId="1" xfId="0" applyFont="1" applyBorder="1" applyAlignment="1">
      <alignment horizontal="center" vertical="center" shrinkToFit="1"/>
    </xf>
    <xf numFmtId="0" fontId="4" fillId="0" borderId="2" xfId="0" applyFont="1" applyBorder="1" applyAlignment="1">
      <alignment horizontal="center" vertical="center" shrinkToFit="1"/>
    </xf>
    <xf numFmtId="0" fontId="4" fillId="0" borderId="3" xfId="0" applyFont="1" applyBorder="1" applyAlignment="1">
      <alignment horizontal="center" vertical="center" shrinkToFit="1"/>
    </xf>
    <xf numFmtId="0" fontId="5" fillId="0" borderId="4" xfId="0" applyFont="1" applyBorder="1" applyAlignment="1">
      <alignment horizontal="center" vertical="center" wrapText="1"/>
    </xf>
    <xf numFmtId="0" fontId="5" fillId="0" borderId="5" xfId="0" applyFont="1" applyBorder="1" applyAlignment="1">
      <alignment horizontal="center" vertical="center" wrapText="1"/>
    </xf>
    <xf numFmtId="0" fontId="3" fillId="0" borderId="5" xfId="0" applyFont="1" applyBorder="1" applyAlignment="1">
      <alignment horizontal="center" vertical="center" shrinkToFit="1"/>
    </xf>
    <xf numFmtId="0" fontId="3" fillId="0" borderId="6" xfId="0" applyFont="1" applyBorder="1" applyAlignment="1">
      <alignment horizontal="center"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calcChain" Target="calcChain.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IO\Documents$\s004075\Documents\&#26395;&#26376;\&#26395;&#26376;(&#20104;&#38450;)\&#32207;&#21512;&#20107;&#26989;\20150610_(&#26395;&#26376;&#27096;)&#24179;&#25104;26&#24180;&#24230;&#36899;&#21512;&#20250;&#32102;&#20184;&#23455;&#32318;\&#20998;&#26512;&#12487;&#12540;&#12479;&#12539;&#20462;&#27491;&#20013;.xlsx" TargetMode="External"/></Relationships>
</file>

<file path=xl/externalLinks/_rels/externalLink2.xml.rels><?xml version="1.0" encoding="UTF-8" standalone="yes"?>
<Relationships xmlns="http://schemas.openxmlformats.org/package/2006/relationships"><Relationship Id="rId2" Type="http://schemas.openxmlformats.org/officeDocument/2006/relationships/externalLinkPath" Target="file:///C:\Users\s010771\Desktop\R8.4.1&#65289;&#65435;&#65392;&#65405;&#65438;&#65423;&#65432;&#65392;&#36861;&#21152;&#12300;&#20107;&#26989;&#23550;&#35937;&#32773;&#12301;&#12300;&#35201;&#25903;&#25588;&#32773;&#12301;&#26360;&#39006;%20(1).xlsx" TargetMode="External"/><Relationship Id="rId1" Type="http://schemas.openxmlformats.org/officeDocument/2006/relationships/externalLinkPath" Target="R8.4.1&#65289;&#65435;&#65392;&#65405;&#65438;&#65423;&#65432;&#65392;&#36861;&#21152;&#12300;&#20107;&#26989;&#23550;&#35937;&#32773;&#12301;&#12300;&#35201;&#25903;&#25588;&#32773;&#12301;&#26360;&#39006;%20(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26.4"/>
      <sheetName val="H26.5"/>
      <sheetName val="H26.6"/>
      <sheetName val="H26.7"/>
      <sheetName val="H26.8"/>
      <sheetName val="H26.9"/>
      <sheetName val="H26.10"/>
      <sheetName val="H26.11"/>
      <sheetName val="H26.12"/>
      <sheetName val="H27.1"/>
      <sheetName val="H27.2"/>
      <sheetName val="H27.3"/>
      <sheetName val="H27.4"/>
      <sheetName val="H27.4 (包括用)"/>
      <sheetName val="H27.4 (包括用) "/>
      <sheetName val="サービスコード"/>
      <sheetName val="集計シート"/>
      <sheetName val="サービス別集計"/>
      <sheetName val="事業所コード"/>
      <sheetName val="行政区"/>
      <sheetName val="20150602"/>
    </sheetNames>
    <sheetDataSet>
      <sheetData sheetId="0">
        <row r="2">
          <cell r="C2">
            <v>214</v>
          </cell>
        </row>
        <row r="3">
          <cell r="C3">
            <v>214</v>
          </cell>
        </row>
        <row r="4">
          <cell r="C4">
            <v>247</v>
          </cell>
        </row>
        <row r="5">
          <cell r="C5">
            <v>250</v>
          </cell>
        </row>
        <row r="6">
          <cell r="C6">
            <v>420</v>
          </cell>
        </row>
        <row r="7">
          <cell r="C7">
            <v>420</v>
          </cell>
        </row>
        <row r="8">
          <cell r="C8">
            <v>420</v>
          </cell>
        </row>
        <row r="9">
          <cell r="C9">
            <v>420</v>
          </cell>
        </row>
        <row r="10">
          <cell r="C10">
            <v>429</v>
          </cell>
        </row>
        <row r="11">
          <cell r="C11">
            <v>2050007851</v>
          </cell>
        </row>
        <row r="12">
          <cell r="C12">
            <v>2050011259</v>
          </cell>
        </row>
        <row r="13">
          <cell r="C13">
            <v>2050011440</v>
          </cell>
        </row>
        <row r="14">
          <cell r="C14">
            <v>2050012372</v>
          </cell>
        </row>
        <row r="15">
          <cell r="C15">
            <v>2050013917</v>
          </cell>
        </row>
        <row r="16">
          <cell r="C16">
            <v>2050014782</v>
          </cell>
        </row>
        <row r="17">
          <cell r="C17">
            <v>2050014782</v>
          </cell>
        </row>
        <row r="18">
          <cell r="C18">
            <v>2050015060</v>
          </cell>
        </row>
        <row r="19">
          <cell r="C19">
            <v>2050015326</v>
          </cell>
        </row>
        <row r="20">
          <cell r="C20">
            <v>2050015326</v>
          </cell>
        </row>
        <row r="21">
          <cell r="C21">
            <v>2050015326</v>
          </cell>
        </row>
        <row r="22">
          <cell r="C22">
            <v>2050016399</v>
          </cell>
        </row>
        <row r="23">
          <cell r="C23">
            <v>2050016399</v>
          </cell>
        </row>
        <row r="24">
          <cell r="C24">
            <v>2050017173</v>
          </cell>
        </row>
        <row r="25">
          <cell r="C25">
            <v>2050018320</v>
          </cell>
        </row>
        <row r="26">
          <cell r="C26">
            <v>2050020110</v>
          </cell>
        </row>
        <row r="27">
          <cell r="C27">
            <v>2050021571</v>
          </cell>
        </row>
        <row r="28">
          <cell r="C28">
            <v>2050021613</v>
          </cell>
        </row>
        <row r="29">
          <cell r="C29">
            <v>2050021837</v>
          </cell>
        </row>
        <row r="30">
          <cell r="C30">
            <v>2050022330</v>
          </cell>
        </row>
        <row r="31">
          <cell r="C31">
            <v>2050022330</v>
          </cell>
        </row>
        <row r="32">
          <cell r="C32">
            <v>2050022637</v>
          </cell>
        </row>
        <row r="33">
          <cell r="C33">
            <v>2050022710</v>
          </cell>
        </row>
        <row r="34">
          <cell r="C34">
            <v>2050022884</v>
          </cell>
        </row>
        <row r="35">
          <cell r="C35">
            <v>2050023080</v>
          </cell>
        </row>
        <row r="36">
          <cell r="C36">
            <v>2050023080</v>
          </cell>
        </row>
        <row r="37">
          <cell r="C37">
            <v>2050023288</v>
          </cell>
        </row>
        <row r="38">
          <cell r="C38">
            <v>2050023395</v>
          </cell>
        </row>
        <row r="39">
          <cell r="C39">
            <v>2050023460</v>
          </cell>
        </row>
        <row r="40">
          <cell r="C40">
            <v>2050023973</v>
          </cell>
        </row>
        <row r="41">
          <cell r="C41">
            <v>2050025143</v>
          </cell>
        </row>
        <row r="42">
          <cell r="C42">
            <v>2050025754</v>
          </cell>
        </row>
        <row r="43">
          <cell r="C43">
            <v>2050026117</v>
          </cell>
        </row>
        <row r="44">
          <cell r="C44">
            <v>2050026117</v>
          </cell>
        </row>
        <row r="45">
          <cell r="C45">
            <v>2050026281</v>
          </cell>
        </row>
        <row r="46">
          <cell r="C46">
            <v>2050026281</v>
          </cell>
        </row>
        <row r="47">
          <cell r="C47">
            <v>2050026299</v>
          </cell>
        </row>
        <row r="48">
          <cell r="C48">
            <v>2050026299</v>
          </cell>
        </row>
        <row r="49">
          <cell r="C49">
            <v>2050027669</v>
          </cell>
        </row>
        <row r="50">
          <cell r="C50">
            <v>2050029046</v>
          </cell>
        </row>
        <row r="51">
          <cell r="C51">
            <v>2050029046</v>
          </cell>
        </row>
        <row r="52">
          <cell r="C52">
            <v>2050029178</v>
          </cell>
        </row>
        <row r="53">
          <cell r="C53">
            <v>2050029335</v>
          </cell>
        </row>
        <row r="54">
          <cell r="C54">
            <v>2050029772</v>
          </cell>
        </row>
        <row r="55">
          <cell r="C55">
            <v>2050030119</v>
          </cell>
        </row>
        <row r="56">
          <cell r="C56">
            <v>2050030119</v>
          </cell>
        </row>
        <row r="57">
          <cell r="C57">
            <v>2050030507</v>
          </cell>
        </row>
        <row r="58">
          <cell r="C58">
            <v>2050030507</v>
          </cell>
        </row>
        <row r="59">
          <cell r="C59">
            <v>2050030507</v>
          </cell>
        </row>
        <row r="60">
          <cell r="C60">
            <v>2050031018</v>
          </cell>
        </row>
        <row r="61">
          <cell r="C61">
            <v>2050031075</v>
          </cell>
        </row>
        <row r="62">
          <cell r="C62">
            <v>2050031539</v>
          </cell>
        </row>
        <row r="63">
          <cell r="C63">
            <v>2050031539</v>
          </cell>
        </row>
        <row r="64">
          <cell r="C64">
            <v>2050031919</v>
          </cell>
        </row>
        <row r="65">
          <cell r="C65">
            <v>2050032107</v>
          </cell>
        </row>
        <row r="66">
          <cell r="C66">
            <v>2050032107</v>
          </cell>
        </row>
        <row r="67">
          <cell r="C67">
            <v>2050032875</v>
          </cell>
        </row>
        <row r="68">
          <cell r="C68">
            <v>2050034012</v>
          </cell>
        </row>
        <row r="69">
          <cell r="C69">
            <v>2050034012</v>
          </cell>
        </row>
        <row r="70">
          <cell r="C70">
            <v>2050035357</v>
          </cell>
        </row>
        <row r="71">
          <cell r="C71">
            <v>2050035597</v>
          </cell>
        </row>
        <row r="72">
          <cell r="C72">
            <v>2050036116</v>
          </cell>
        </row>
        <row r="73">
          <cell r="C73">
            <v>2050036306</v>
          </cell>
        </row>
        <row r="74">
          <cell r="C74">
            <v>2050036306</v>
          </cell>
        </row>
        <row r="75">
          <cell r="C75">
            <v>2050036306</v>
          </cell>
        </row>
        <row r="76">
          <cell r="C76">
            <v>2050036470</v>
          </cell>
        </row>
        <row r="77">
          <cell r="C77">
            <v>2050036470</v>
          </cell>
        </row>
        <row r="78">
          <cell r="C78">
            <v>2050036470</v>
          </cell>
        </row>
        <row r="79">
          <cell r="C79">
            <v>2050037361</v>
          </cell>
        </row>
        <row r="80">
          <cell r="C80">
            <v>2050037361</v>
          </cell>
        </row>
        <row r="81">
          <cell r="C81">
            <v>2050037403</v>
          </cell>
        </row>
        <row r="82">
          <cell r="C82">
            <v>2050037460</v>
          </cell>
        </row>
        <row r="83">
          <cell r="C83">
            <v>2050037643</v>
          </cell>
        </row>
        <row r="84">
          <cell r="C84">
            <v>2050037759</v>
          </cell>
        </row>
        <row r="85">
          <cell r="C85">
            <v>2050038153</v>
          </cell>
        </row>
        <row r="86">
          <cell r="C86">
            <v>2050039219</v>
          </cell>
        </row>
        <row r="87">
          <cell r="C87">
            <v>2050039409</v>
          </cell>
        </row>
        <row r="88">
          <cell r="C88">
            <v>2050039409</v>
          </cell>
        </row>
        <row r="89">
          <cell r="C89">
            <v>2050039599</v>
          </cell>
        </row>
        <row r="90">
          <cell r="C90">
            <v>2050039888</v>
          </cell>
        </row>
        <row r="91">
          <cell r="C91">
            <v>2050040605</v>
          </cell>
        </row>
        <row r="92">
          <cell r="C92">
            <v>2050040647</v>
          </cell>
        </row>
        <row r="93">
          <cell r="C93">
            <v>2050040696</v>
          </cell>
        </row>
        <row r="94">
          <cell r="C94">
            <v>2050041124</v>
          </cell>
        </row>
        <row r="95">
          <cell r="C95">
            <v>2050041538</v>
          </cell>
        </row>
        <row r="96">
          <cell r="C96">
            <v>2050041538</v>
          </cell>
        </row>
        <row r="97">
          <cell r="C97">
            <v>2050041660</v>
          </cell>
        </row>
        <row r="98">
          <cell r="C98">
            <v>2050041843</v>
          </cell>
        </row>
        <row r="99">
          <cell r="C99">
            <v>2050042585</v>
          </cell>
        </row>
        <row r="100">
          <cell r="C100">
            <v>2050042692</v>
          </cell>
        </row>
        <row r="101">
          <cell r="C101">
            <v>2050043377</v>
          </cell>
        </row>
        <row r="102">
          <cell r="C102">
            <v>2050043674</v>
          </cell>
        </row>
        <row r="103">
          <cell r="C103">
            <v>2050043930</v>
          </cell>
        </row>
        <row r="104">
          <cell r="C104">
            <v>2050043930</v>
          </cell>
        </row>
        <row r="105">
          <cell r="C105">
            <v>2050043948</v>
          </cell>
        </row>
        <row r="106">
          <cell r="C106">
            <v>2050043948</v>
          </cell>
        </row>
        <row r="107">
          <cell r="C107">
            <v>2050044185</v>
          </cell>
        </row>
        <row r="108">
          <cell r="C108">
            <v>2050044185</v>
          </cell>
        </row>
        <row r="109">
          <cell r="C109">
            <v>2050044284</v>
          </cell>
        </row>
        <row r="110">
          <cell r="C110">
            <v>2050044284</v>
          </cell>
        </row>
        <row r="111">
          <cell r="C111">
            <v>2050044292</v>
          </cell>
        </row>
        <row r="112">
          <cell r="C112">
            <v>2050044524</v>
          </cell>
        </row>
        <row r="113">
          <cell r="C113">
            <v>2050045133</v>
          </cell>
        </row>
        <row r="114">
          <cell r="C114">
            <v>2050045562</v>
          </cell>
        </row>
        <row r="115">
          <cell r="C115">
            <v>2050045562</v>
          </cell>
        </row>
        <row r="116">
          <cell r="C116">
            <v>2050045604</v>
          </cell>
        </row>
        <row r="117">
          <cell r="C117">
            <v>2050045604</v>
          </cell>
        </row>
        <row r="118">
          <cell r="C118">
            <v>2050046289</v>
          </cell>
        </row>
        <row r="119">
          <cell r="C119">
            <v>2050046537</v>
          </cell>
        </row>
        <row r="120">
          <cell r="C120">
            <v>2050046768</v>
          </cell>
        </row>
        <row r="121">
          <cell r="C121">
            <v>2050046792</v>
          </cell>
        </row>
        <row r="122">
          <cell r="C122">
            <v>2050047162</v>
          </cell>
        </row>
        <row r="123">
          <cell r="C123">
            <v>2050048293</v>
          </cell>
        </row>
        <row r="124">
          <cell r="C124">
            <v>2050048293</v>
          </cell>
        </row>
        <row r="125">
          <cell r="C125">
            <v>2050048392</v>
          </cell>
        </row>
        <row r="126">
          <cell r="C126">
            <v>2050048392</v>
          </cell>
        </row>
        <row r="127">
          <cell r="C127">
            <v>2050049085</v>
          </cell>
        </row>
        <row r="128">
          <cell r="C128">
            <v>2050049093</v>
          </cell>
        </row>
        <row r="129">
          <cell r="C129">
            <v>2050049259</v>
          </cell>
        </row>
        <row r="130">
          <cell r="C130">
            <v>2050049515</v>
          </cell>
        </row>
        <row r="131">
          <cell r="C131">
            <v>2050049655</v>
          </cell>
        </row>
        <row r="132">
          <cell r="C132">
            <v>2050050968</v>
          </cell>
        </row>
        <row r="133">
          <cell r="C133">
            <v>2050050968</v>
          </cell>
        </row>
        <row r="134">
          <cell r="C134">
            <v>2050051099</v>
          </cell>
        </row>
        <row r="135">
          <cell r="C135">
            <v>2050051099</v>
          </cell>
        </row>
        <row r="136">
          <cell r="C136">
            <v>2050051099</v>
          </cell>
        </row>
        <row r="137">
          <cell r="C137">
            <v>2050051396</v>
          </cell>
        </row>
        <row r="138">
          <cell r="C138">
            <v>2050051396</v>
          </cell>
        </row>
        <row r="139">
          <cell r="C139">
            <v>2050051701</v>
          </cell>
        </row>
        <row r="140">
          <cell r="C140">
            <v>2050051701</v>
          </cell>
        </row>
        <row r="141">
          <cell r="C141">
            <v>2050051974</v>
          </cell>
        </row>
        <row r="142">
          <cell r="C142">
            <v>2050052147</v>
          </cell>
        </row>
        <row r="143">
          <cell r="C143">
            <v>2050052147</v>
          </cell>
        </row>
        <row r="144">
          <cell r="C144">
            <v>2050053426</v>
          </cell>
        </row>
        <row r="145">
          <cell r="C145">
            <v>2050053426</v>
          </cell>
        </row>
        <row r="146">
          <cell r="C146">
            <v>2050054291</v>
          </cell>
        </row>
        <row r="147">
          <cell r="C147">
            <v>2050054507</v>
          </cell>
        </row>
        <row r="148">
          <cell r="C148">
            <v>2050054507</v>
          </cell>
        </row>
        <row r="149">
          <cell r="C149">
            <v>2050054515</v>
          </cell>
        </row>
        <row r="150">
          <cell r="C150">
            <v>2050054978</v>
          </cell>
        </row>
        <row r="151">
          <cell r="C151">
            <v>2050056155</v>
          </cell>
        </row>
        <row r="152">
          <cell r="C152">
            <v>2050056155</v>
          </cell>
        </row>
        <row r="153">
          <cell r="C153">
            <v>2050056486</v>
          </cell>
        </row>
        <row r="154">
          <cell r="C154">
            <v>2050057658</v>
          </cell>
        </row>
        <row r="155">
          <cell r="C155">
            <v>2050057898</v>
          </cell>
        </row>
        <row r="156">
          <cell r="C156">
            <v>2050058102</v>
          </cell>
        </row>
        <row r="157">
          <cell r="C157">
            <v>2050058169</v>
          </cell>
        </row>
        <row r="158">
          <cell r="C158">
            <v>2050058169</v>
          </cell>
        </row>
        <row r="159">
          <cell r="C159">
            <v>2050058250</v>
          </cell>
        </row>
        <row r="160">
          <cell r="C160">
            <v>2050058300</v>
          </cell>
        </row>
        <row r="161">
          <cell r="C161">
            <v>2050058300</v>
          </cell>
        </row>
        <row r="162">
          <cell r="C162">
            <v>2050058342</v>
          </cell>
        </row>
        <row r="163">
          <cell r="C163">
            <v>2050058342</v>
          </cell>
        </row>
        <row r="164">
          <cell r="C164">
            <v>2050058342</v>
          </cell>
        </row>
        <row r="165">
          <cell r="C165">
            <v>2050059035</v>
          </cell>
        </row>
        <row r="166">
          <cell r="C166">
            <v>2050059514</v>
          </cell>
        </row>
        <row r="167">
          <cell r="C167">
            <v>2050059514</v>
          </cell>
        </row>
        <row r="168">
          <cell r="C168">
            <v>2050059928</v>
          </cell>
        </row>
        <row r="169">
          <cell r="C169">
            <v>2050060009</v>
          </cell>
        </row>
        <row r="170">
          <cell r="C170">
            <v>2050060009</v>
          </cell>
        </row>
        <row r="171">
          <cell r="C171">
            <v>2050060421</v>
          </cell>
        </row>
        <row r="172">
          <cell r="C172">
            <v>2050060439</v>
          </cell>
        </row>
        <row r="173">
          <cell r="C173">
            <v>2050060934</v>
          </cell>
        </row>
        <row r="174">
          <cell r="C174">
            <v>2050060934</v>
          </cell>
        </row>
        <row r="175">
          <cell r="C175">
            <v>2050060934</v>
          </cell>
        </row>
        <row r="176">
          <cell r="C176">
            <v>2050061353</v>
          </cell>
        </row>
        <row r="177">
          <cell r="C177">
            <v>2050061353</v>
          </cell>
        </row>
        <row r="178">
          <cell r="C178">
            <v>2050061445</v>
          </cell>
        </row>
        <row r="179">
          <cell r="C179">
            <v>2050061577</v>
          </cell>
        </row>
        <row r="180">
          <cell r="C180">
            <v>2050062120</v>
          </cell>
        </row>
        <row r="181">
          <cell r="C181">
            <v>2050062609</v>
          </cell>
        </row>
        <row r="182">
          <cell r="C182">
            <v>2050062856</v>
          </cell>
        </row>
        <row r="183">
          <cell r="C183">
            <v>2050063029</v>
          </cell>
        </row>
        <row r="184">
          <cell r="C184">
            <v>2050063136</v>
          </cell>
        </row>
        <row r="185">
          <cell r="C185">
            <v>2050063136</v>
          </cell>
        </row>
        <row r="186">
          <cell r="C186">
            <v>2050063326</v>
          </cell>
        </row>
        <row r="187">
          <cell r="C187">
            <v>2050063680</v>
          </cell>
        </row>
        <row r="188">
          <cell r="C188">
            <v>2050063680</v>
          </cell>
        </row>
        <row r="189">
          <cell r="C189">
            <v>2050063987</v>
          </cell>
        </row>
        <row r="190">
          <cell r="C190">
            <v>2050063995</v>
          </cell>
        </row>
        <row r="191">
          <cell r="C191">
            <v>2050064647</v>
          </cell>
        </row>
        <row r="192">
          <cell r="C192">
            <v>2050065636</v>
          </cell>
        </row>
        <row r="193">
          <cell r="C193">
            <v>2050066451</v>
          </cell>
        </row>
        <row r="194">
          <cell r="C194">
            <v>2050066451</v>
          </cell>
        </row>
        <row r="195">
          <cell r="C195">
            <v>2050066865</v>
          </cell>
        </row>
        <row r="196">
          <cell r="C196">
            <v>2050066998</v>
          </cell>
        </row>
        <row r="197">
          <cell r="C197">
            <v>2050067905</v>
          </cell>
        </row>
        <row r="198">
          <cell r="C198">
            <v>2050067905</v>
          </cell>
        </row>
        <row r="199">
          <cell r="C199">
            <v>2050068614</v>
          </cell>
        </row>
        <row r="200">
          <cell r="C200">
            <v>2050068614</v>
          </cell>
        </row>
        <row r="201">
          <cell r="C201">
            <v>2050069083</v>
          </cell>
        </row>
        <row r="202">
          <cell r="C202">
            <v>2050069661</v>
          </cell>
        </row>
        <row r="203">
          <cell r="C203">
            <v>2050069661</v>
          </cell>
        </row>
        <row r="204">
          <cell r="C204">
            <v>2050070057</v>
          </cell>
        </row>
        <row r="205">
          <cell r="C205">
            <v>2050070297</v>
          </cell>
        </row>
        <row r="206">
          <cell r="C206">
            <v>2050070685</v>
          </cell>
        </row>
        <row r="207">
          <cell r="C207">
            <v>2050073093</v>
          </cell>
        </row>
        <row r="208">
          <cell r="C208">
            <v>2050073648</v>
          </cell>
        </row>
        <row r="209">
          <cell r="C209">
            <v>2050073820</v>
          </cell>
        </row>
        <row r="210">
          <cell r="C210">
            <v>2050073820</v>
          </cell>
        </row>
        <row r="211">
          <cell r="C211">
            <v>2050074216</v>
          </cell>
        </row>
        <row r="212">
          <cell r="C212">
            <v>2050075577</v>
          </cell>
        </row>
        <row r="213">
          <cell r="C213">
            <v>2050075619</v>
          </cell>
        </row>
        <row r="214">
          <cell r="C214">
            <v>2050075619</v>
          </cell>
        </row>
        <row r="215">
          <cell r="C215">
            <v>2050076054</v>
          </cell>
        </row>
        <row r="216">
          <cell r="C216">
            <v>2050076161</v>
          </cell>
        </row>
        <row r="217">
          <cell r="C217">
            <v>2050076385</v>
          </cell>
        </row>
        <row r="218">
          <cell r="C218">
            <v>2050076385</v>
          </cell>
        </row>
        <row r="219">
          <cell r="C219">
            <v>2050076831</v>
          </cell>
        </row>
        <row r="220">
          <cell r="C220">
            <v>2050076831</v>
          </cell>
        </row>
        <row r="221">
          <cell r="C221">
            <v>2050076856</v>
          </cell>
        </row>
        <row r="222">
          <cell r="C222">
            <v>2050076856</v>
          </cell>
        </row>
        <row r="223">
          <cell r="C223">
            <v>2050076856</v>
          </cell>
        </row>
        <row r="224">
          <cell r="C224">
            <v>2050078829</v>
          </cell>
        </row>
        <row r="225">
          <cell r="C225">
            <v>2050086392</v>
          </cell>
        </row>
        <row r="226">
          <cell r="C226">
            <v>2050087861</v>
          </cell>
        </row>
        <row r="227">
          <cell r="C227">
            <v>2050087861</v>
          </cell>
        </row>
        <row r="228">
          <cell r="C228">
            <v>2050088653</v>
          </cell>
        </row>
        <row r="229">
          <cell r="C229">
            <v>2050090162</v>
          </cell>
        </row>
        <row r="230">
          <cell r="C230">
            <v>2050090162</v>
          </cell>
        </row>
        <row r="231">
          <cell r="C231">
            <v>2050090410</v>
          </cell>
        </row>
        <row r="232">
          <cell r="C232">
            <v>2050090410</v>
          </cell>
        </row>
        <row r="233">
          <cell r="C233">
            <v>2050090600</v>
          </cell>
        </row>
        <row r="234">
          <cell r="C234">
            <v>2050091210</v>
          </cell>
        </row>
        <row r="235">
          <cell r="C235">
            <v>2050092374</v>
          </cell>
        </row>
        <row r="236">
          <cell r="C236">
            <v>2050092549</v>
          </cell>
        </row>
        <row r="237">
          <cell r="C237">
            <v>2050093463</v>
          </cell>
        </row>
        <row r="238">
          <cell r="C238">
            <v>2050093463</v>
          </cell>
        </row>
        <row r="239">
          <cell r="C239">
            <v>2050094099</v>
          </cell>
        </row>
        <row r="240">
          <cell r="C240">
            <v>2050094099</v>
          </cell>
        </row>
        <row r="241">
          <cell r="C241">
            <v>2050098512</v>
          </cell>
        </row>
        <row r="242">
          <cell r="C242">
            <v>2050098512</v>
          </cell>
        </row>
        <row r="243">
          <cell r="C243">
            <v>2050099395</v>
          </cell>
        </row>
        <row r="244">
          <cell r="C244">
            <v>2050099395</v>
          </cell>
        </row>
        <row r="245">
          <cell r="C245">
            <v>2050100276</v>
          </cell>
        </row>
        <row r="246">
          <cell r="C246">
            <v>2050100276</v>
          </cell>
        </row>
        <row r="247">
          <cell r="C247">
            <v>2050100672</v>
          </cell>
        </row>
        <row r="248">
          <cell r="C248">
            <v>2050100961</v>
          </cell>
        </row>
        <row r="249">
          <cell r="C249">
            <v>2050100961</v>
          </cell>
        </row>
        <row r="250">
          <cell r="C250">
            <v>2050101373</v>
          </cell>
        </row>
        <row r="251">
          <cell r="C251">
            <v>2050102892</v>
          </cell>
        </row>
        <row r="252">
          <cell r="C252">
            <v>2050103031</v>
          </cell>
        </row>
        <row r="253">
          <cell r="C253">
            <v>2050104815</v>
          </cell>
        </row>
        <row r="254">
          <cell r="C254">
            <v>2050104823</v>
          </cell>
        </row>
        <row r="255">
          <cell r="C255">
            <v>2050104823</v>
          </cell>
        </row>
        <row r="256">
          <cell r="C256">
            <v>2050104823</v>
          </cell>
        </row>
        <row r="257">
          <cell r="C257">
            <v>2050106687</v>
          </cell>
        </row>
        <row r="258">
          <cell r="C258">
            <v>2050106851</v>
          </cell>
        </row>
        <row r="259">
          <cell r="C259">
            <v>2050107586</v>
          </cell>
        </row>
        <row r="260">
          <cell r="C260">
            <v>2050108337</v>
          </cell>
        </row>
        <row r="261">
          <cell r="C261">
            <v>2050110945</v>
          </cell>
        </row>
        <row r="262">
          <cell r="C262">
            <v>2050111992</v>
          </cell>
        </row>
        <row r="263">
          <cell r="C263">
            <v>2050111992</v>
          </cell>
        </row>
        <row r="264">
          <cell r="C264">
            <v>2050112743</v>
          </cell>
        </row>
        <row r="265">
          <cell r="C265">
            <v>2050112743</v>
          </cell>
        </row>
        <row r="266">
          <cell r="C266">
            <v>2050114087</v>
          </cell>
        </row>
        <row r="267">
          <cell r="C267">
            <v>2050114087</v>
          </cell>
        </row>
        <row r="268">
          <cell r="C268">
            <v>2050114210</v>
          </cell>
        </row>
        <row r="269">
          <cell r="C269">
            <v>2050114558</v>
          </cell>
        </row>
        <row r="270">
          <cell r="C270">
            <v>2050115506</v>
          </cell>
        </row>
        <row r="271">
          <cell r="C271">
            <v>2050119631</v>
          </cell>
        </row>
        <row r="272">
          <cell r="C272">
            <v>2050119631</v>
          </cell>
        </row>
        <row r="273">
          <cell r="C273">
            <v>2050119631</v>
          </cell>
        </row>
        <row r="274">
          <cell r="C274">
            <v>2050121025</v>
          </cell>
        </row>
        <row r="275">
          <cell r="C275">
            <v>2050121025</v>
          </cell>
        </row>
        <row r="276">
          <cell r="C276">
            <v>2050126354</v>
          </cell>
        </row>
        <row r="277">
          <cell r="C277">
            <v>2050130174</v>
          </cell>
        </row>
        <row r="278">
          <cell r="C278">
            <v>2050130711</v>
          </cell>
        </row>
        <row r="279">
          <cell r="C279">
            <v>2050130943</v>
          </cell>
        </row>
        <row r="280">
          <cell r="C280">
            <v>2050130943</v>
          </cell>
        </row>
        <row r="281">
          <cell r="C281">
            <v>2050130943</v>
          </cell>
        </row>
        <row r="282">
          <cell r="C282">
            <v>2050131214</v>
          </cell>
        </row>
        <row r="283">
          <cell r="C283">
            <v>2050131214</v>
          </cell>
        </row>
        <row r="284">
          <cell r="C284">
            <v>2050135090</v>
          </cell>
        </row>
        <row r="285">
          <cell r="C285">
            <v>2050136817</v>
          </cell>
        </row>
        <row r="286">
          <cell r="C286">
            <v>2050136817</v>
          </cell>
        </row>
        <row r="287">
          <cell r="C287">
            <v>2050139373</v>
          </cell>
        </row>
        <row r="288">
          <cell r="C288">
            <v>2050141106</v>
          </cell>
        </row>
        <row r="289">
          <cell r="C289">
            <v>2050146121</v>
          </cell>
        </row>
        <row r="290">
          <cell r="C290">
            <v>2050146188</v>
          </cell>
        </row>
        <row r="291">
          <cell r="C291">
            <v>2050146196</v>
          </cell>
        </row>
        <row r="292">
          <cell r="C292">
            <v>3020000010</v>
          </cell>
        </row>
        <row r="293">
          <cell r="C293">
            <v>3020000010</v>
          </cell>
        </row>
        <row r="294">
          <cell r="C294">
            <v>3020000172</v>
          </cell>
        </row>
        <row r="295">
          <cell r="C295">
            <v>3020000244</v>
          </cell>
        </row>
        <row r="296">
          <cell r="C296">
            <v>3020000315</v>
          </cell>
        </row>
        <row r="297">
          <cell r="C297">
            <v>3020000351</v>
          </cell>
        </row>
        <row r="298">
          <cell r="C298">
            <v>3020000351</v>
          </cell>
        </row>
        <row r="299">
          <cell r="C299">
            <v>3020000351</v>
          </cell>
        </row>
        <row r="300">
          <cell r="C300">
            <v>3020000417</v>
          </cell>
        </row>
        <row r="301">
          <cell r="C301">
            <v>3020000444</v>
          </cell>
        </row>
        <row r="302">
          <cell r="C302">
            <v>3020000457</v>
          </cell>
        </row>
        <row r="303">
          <cell r="C303">
            <v>3020000510</v>
          </cell>
        </row>
        <row r="304">
          <cell r="C304">
            <v>3020000531</v>
          </cell>
        </row>
        <row r="305">
          <cell r="C305">
            <v>3020000669</v>
          </cell>
        </row>
        <row r="306">
          <cell r="C306">
            <v>3020000700</v>
          </cell>
        </row>
        <row r="307">
          <cell r="C307">
            <v>3020000700</v>
          </cell>
        </row>
        <row r="308">
          <cell r="C308">
            <v>3020000700</v>
          </cell>
        </row>
        <row r="309">
          <cell r="C309">
            <v>3020000881</v>
          </cell>
        </row>
        <row r="310">
          <cell r="C310">
            <v>3020000881</v>
          </cell>
        </row>
        <row r="311">
          <cell r="C311">
            <v>3020000958</v>
          </cell>
        </row>
        <row r="312">
          <cell r="C312">
            <v>3020001025</v>
          </cell>
        </row>
        <row r="313">
          <cell r="C313">
            <v>3020001037</v>
          </cell>
        </row>
        <row r="314">
          <cell r="C314">
            <v>3020001072</v>
          </cell>
        </row>
        <row r="315">
          <cell r="C315">
            <v>3020001073</v>
          </cell>
        </row>
        <row r="316">
          <cell r="C316">
            <v>3020001233</v>
          </cell>
        </row>
        <row r="317">
          <cell r="C317">
            <v>3020001326</v>
          </cell>
        </row>
        <row r="318">
          <cell r="C318">
            <v>3020001326</v>
          </cell>
        </row>
        <row r="319">
          <cell r="C319">
            <v>3020001343</v>
          </cell>
        </row>
        <row r="320">
          <cell r="C320">
            <v>3020001357</v>
          </cell>
        </row>
        <row r="321">
          <cell r="C321">
            <v>3020001397</v>
          </cell>
        </row>
        <row r="322">
          <cell r="C322">
            <v>3020001397</v>
          </cell>
        </row>
        <row r="323">
          <cell r="C323">
            <v>3020001397</v>
          </cell>
        </row>
        <row r="324">
          <cell r="C324">
            <v>3020001458</v>
          </cell>
        </row>
        <row r="325">
          <cell r="C325">
            <v>3020001471</v>
          </cell>
        </row>
        <row r="326">
          <cell r="C326">
            <v>3020001494</v>
          </cell>
        </row>
        <row r="327">
          <cell r="C327">
            <v>3020001553</v>
          </cell>
        </row>
        <row r="328">
          <cell r="C328">
            <v>3020001584</v>
          </cell>
        </row>
        <row r="329">
          <cell r="C329">
            <v>3020001764</v>
          </cell>
        </row>
        <row r="330">
          <cell r="C330">
            <v>3020001798</v>
          </cell>
        </row>
        <row r="331">
          <cell r="C331">
            <v>3020001798</v>
          </cell>
        </row>
        <row r="332">
          <cell r="C332">
            <v>3020001913</v>
          </cell>
        </row>
        <row r="333">
          <cell r="C333">
            <v>3020001913</v>
          </cell>
        </row>
        <row r="334">
          <cell r="C334">
            <v>3020001959</v>
          </cell>
        </row>
        <row r="335">
          <cell r="C335">
            <v>3020001984</v>
          </cell>
        </row>
        <row r="336">
          <cell r="C336">
            <v>3020002279</v>
          </cell>
        </row>
      </sheetData>
      <sheetData sheetId="1">
        <row r="2">
          <cell r="C2">
            <v>214</v>
          </cell>
        </row>
        <row r="3">
          <cell r="C3">
            <v>247</v>
          </cell>
        </row>
        <row r="4">
          <cell r="C4">
            <v>250</v>
          </cell>
        </row>
        <row r="5">
          <cell r="C5">
            <v>420</v>
          </cell>
        </row>
        <row r="6">
          <cell r="C6">
            <v>420</v>
          </cell>
        </row>
        <row r="7">
          <cell r="C7">
            <v>420</v>
          </cell>
        </row>
        <row r="8">
          <cell r="C8">
            <v>420</v>
          </cell>
        </row>
        <row r="9">
          <cell r="C9">
            <v>429</v>
          </cell>
        </row>
        <row r="10">
          <cell r="C10">
            <v>2050007851</v>
          </cell>
        </row>
        <row r="11">
          <cell r="C11">
            <v>2050011259</v>
          </cell>
        </row>
        <row r="12">
          <cell r="C12">
            <v>2050011440</v>
          </cell>
        </row>
        <row r="13">
          <cell r="C13">
            <v>2050012372</v>
          </cell>
        </row>
        <row r="14">
          <cell r="C14">
            <v>2050013917</v>
          </cell>
        </row>
        <row r="15">
          <cell r="C15">
            <v>2050014782</v>
          </cell>
        </row>
        <row r="16">
          <cell r="C16">
            <v>2050014782</v>
          </cell>
        </row>
        <row r="17">
          <cell r="C17">
            <v>2050015060</v>
          </cell>
        </row>
        <row r="18">
          <cell r="C18">
            <v>2050015326</v>
          </cell>
        </row>
        <row r="19">
          <cell r="C19">
            <v>2050015326</v>
          </cell>
        </row>
        <row r="20">
          <cell r="C20">
            <v>2050015326</v>
          </cell>
        </row>
        <row r="21">
          <cell r="C21">
            <v>2050016399</v>
          </cell>
        </row>
        <row r="22">
          <cell r="C22">
            <v>2050016399</v>
          </cell>
        </row>
        <row r="23">
          <cell r="C23">
            <v>2050017173</v>
          </cell>
        </row>
        <row r="24">
          <cell r="C24">
            <v>2050018320</v>
          </cell>
        </row>
        <row r="25">
          <cell r="C25">
            <v>2050020110</v>
          </cell>
        </row>
        <row r="26">
          <cell r="C26">
            <v>2050021571</v>
          </cell>
        </row>
        <row r="27">
          <cell r="C27">
            <v>2050021613</v>
          </cell>
        </row>
        <row r="28">
          <cell r="C28">
            <v>2050022330</v>
          </cell>
        </row>
        <row r="29">
          <cell r="C29">
            <v>2050022330</v>
          </cell>
        </row>
        <row r="30">
          <cell r="C30">
            <v>2050022710</v>
          </cell>
        </row>
        <row r="31">
          <cell r="C31">
            <v>2050022884</v>
          </cell>
        </row>
        <row r="32">
          <cell r="C32">
            <v>2050023080</v>
          </cell>
        </row>
        <row r="33">
          <cell r="C33">
            <v>2050023080</v>
          </cell>
        </row>
        <row r="34">
          <cell r="C34">
            <v>2050023395</v>
          </cell>
        </row>
        <row r="35">
          <cell r="C35">
            <v>2050023460</v>
          </cell>
        </row>
        <row r="36">
          <cell r="C36">
            <v>2050023973</v>
          </cell>
        </row>
        <row r="37">
          <cell r="C37">
            <v>2050025143</v>
          </cell>
        </row>
        <row r="38">
          <cell r="C38">
            <v>2050025754</v>
          </cell>
        </row>
        <row r="39">
          <cell r="C39">
            <v>2050026117</v>
          </cell>
        </row>
        <row r="40">
          <cell r="C40">
            <v>2050026281</v>
          </cell>
        </row>
        <row r="41">
          <cell r="C41">
            <v>2050026281</v>
          </cell>
        </row>
        <row r="42">
          <cell r="C42">
            <v>2050026299</v>
          </cell>
        </row>
        <row r="43">
          <cell r="C43">
            <v>2050026299</v>
          </cell>
        </row>
        <row r="44">
          <cell r="C44">
            <v>2050027669</v>
          </cell>
        </row>
        <row r="45">
          <cell r="C45">
            <v>2050029046</v>
          </cell>
        </row>
        <row r="46">
          <cell r="C46">
            <v>2050029046</v>
          </cell>
        </row>
        <row r="47">
          <cell r="C47">
            <v>2050029178</v>
          </cell>
        </row>
        <row r="48">
          <cell r="C48">
            <v>2050029335</v>
          </cell>
        </row>
        <row r="49">
          <cell r="C49">
            <v>2050029772</v>
          </cell>
        </row>
        <row r="50">
          <cell r="C50">
            <v>2050030119</v>
          </cell>
        </row>
        <row r="51">
          <cell r="C51">
            <v>2050030119</v>
          </cell>
        </row>
        <row r="52">
          <cell r="C52">
            <v>2050030507</v>
          </cell>
        </row>
        <row r="53">
          <cell r="C53">
            <v>2050030507</v>
          </cell>
        </row>
        <row r="54">
          <cell r="C54">
            <v>2050030507</v>
          </cell>
        </row>
        <row r="55">
          <cell r="C55">
            <v>2050031018</v>
          </cell>
        </row>
        <row r="56">
          <cell r="C56">
            <v>2050031075</v>
          </cell>
        </row>
        <row r="57">
          <cell r="C57">
            <v>2050031539</v>
          </cell>
        </row>
        <row r="58">
          <cell r="C58">
            <v>2050031539</v>
          </cell>
        </row>
        <row r="59">
          <cell r="C59">
            <v>2050031919</v>
          </cell>
        </row>
        <row r="60">
          <cell r="C60">
            <v>2050032107</v>
          </cell>
        </row>
        <row r="61">
          <cell r="C61">
            <v>2050032107</v>
          </cell>
        </row>
        <row r="62">
          <cell r="C62">
            <v>2050032875</v>
          </cell>
        </row>
        <row r="63">
          <cell r="C63">
            <v>2050034012</v>
          </cell>
        </row>
        <row r="64">
          <cell r="C64">
            <v>2050034012</v>
          </cell>
        </row>
        <row r="65">
          <cell r="C65">
            <v>2050035357</v>
          </cell>
        </row>
        <row r="66">
          <cell r="C66">
            <v>2050035597</v>
          </cell>
        </row>
        <row r="67">
          <cell r="C67">
            <v>2050036116</v>
          </cell>
        </row>
        <row r="68">
          <cell r="C68">
            <v>2050036306</v>
          </cell>
        </row>
        <row r="69">
          <cell r="C69">
            <v>2050036306</v>
          </cell>
        </row>
        <row r="70">
          <cell r="C70">
            <v>2050036306</v>
          </cell>
        </row>
        <row r="71">
          <cell r="C71">
            <v>2050036470</v>
          </cell>
        </row>
        <row r="72">
          <cell r="C72">
            <v>2050036470</v>
          </cell>
        </row>
        <row r="73">
          <cell r="C73">
            <v>2050036470</v>
          </cell>
        </row>
        <row r="74">
          <cell r="C74">
            <v>2050037361</v>
          </cell>
        </row>
        <row r="75">
          <cell r="C75">
            <v>2050037361</v>
          </cell>
        </row>
        <row r="76">
          <cell r="C76">
            <v>2050037403</v>
          </cell>
        </row>
        <row r="77">
          <cell r="C77">
            <v>2050037460</v>
          </cell>
        </row>
        <row r="78">
          <cell r="C78">
            <v>2050037643</v>
          </cell>
        </row>
        <row r="79">
          <cell r="C79">
            <v>2050038153</v>
          </cell>
        </row>
        <row r="80">
          <cell r="C80">
            <v>2050039219</v>
          </cell>
        </row>
        <row r="81">
          <cell r="C81">
            <v>2050039326</v>
          </cell>
        </row>
        <row r="82">
          <cell r="C82">
            <v>2050039409</v>
          </cell>
        </row>
        <row r="83">
          <cell r="C83">
            <v>2050039409</v>
          </cell>
        </row>
        <row r="84">
          <cell r="C84">
            <v>2050039599</v>
          </cell>
        </row>
        <row r="85">
          <cell r="C85">
            <v>2050039888</v>
          </cell>
        </row>
        <row r="86">
          <cell r="C86">
            <v>2050040605</v>
          </cell>
        </row>
        <row r="87">
          <cell r="C87">
            <v>2050040647</v>
          </cell>
        </row>
        <row r="88">
          <cell r="C88">
            <v>2050040696</v>
          </cell>
        </row>
        <row r="89">
          <cell r="C89">
            <v>2050041124</v>
          </cell>
        </row>
        <row r="90">
          <cell r="C90">
            <v>2050041660</v>
          </cell>
        </row>
        <row r="91">
          <cell r="C91">
            <v>2050041843</v>
          </cell>
        </row>
        <row r="92">
          <cell r="C92">
            <v>2050042585</v>
          </cell>
        </row>
        <row r="93">
          <cell r="C93">
            <v>2050042692</v>
          </cell>
        </row>
        <row r="94">
          <cell r="C94">
            <v>2050043377</v>
          </cell>
        </row>
        <row r="95">
          <cell r="C95">
            <v>2050043674</v>
          </cell>
        </row>
        <row r="96">
          <cell r="C96">
            <v>2050043930</v>
          </cell>
        </row>
        <row r="97">
          <cell r="C97">
            <v>2050043930</v>
          </cell>
        </row>
        <row r="98">
          <cell r="C98">
            <v>2050043948</v>
          </cell>
        </row>
        <row r="99">
          <cell r="C99">
            <v>2050043948</v>
          </cell>
        </row>
        <row r="100">
          <cell r="C100">
            <v>2050044185</v>
          </cell>
        </row>
        <row r="101">
          <cell r="C101">
            <v>2050044185</v>
          </cell>
        </row>
        <row r="102">
          <cell r="C102">
            <v>2050044284</v>
          </cell>
        </row>
        <row r="103">
          <cell r="C103">
            <v>2050044284</v>
          </cell>
        </row>
        <row r="104">
          <cell r="C104">
            <v>2050044292</v>
          </cell>
        </row>
        <row r="105">
          <cell r="C105">
            <v>2050044524</v>
          </cell>
        </row>
        <row r="106">
          <cell r="C106">
            <v>2050045133</v>
          </cell>
        </row>
        <row r="107">
          <cell r="C107">
            <v>2050045562</v>
          </cell>
        </row>
        <row r="108">
          <cell r="C108">
            <v>2050045562</v>
          </cell>
        </row>
        <row r="109">
          <cell r="C109">
            <v>2050045604</v>
          </cell>
        </row>
        <row r="110">
          <cell r="C110">
            <v>2050045604</v>
          </cell>
        </row>
        <row r="111">
          <cell r="C111">
            <v>2050046289</v>
          </cell>
        </row>
        <row r="112">
          <cell r="C112">
            <v>2050046537</v>
          </cell>
        </row>
        <row r="113">
          <cell r="C113">
            <v>2050046768</v>
          </cell>
        </row>
        <row r="114">
          <cell r="C114">
            <v>2050046792</v>
          </cell>
        </row>
        <row r="115">
          <cell r="C115">
            <v>2050047162</v>
          </cell>
        </row>
        <row r="116">
          <cell r="C116">
            <v>2050048293</v>
          </cell>
        </row>
        <row r="117">
          <cell r="C117">
            <v>2050048293</v>
          </cell>
        </row>
        <row r="118">
          <cell r="C118">
            <v>2050048392</v>
          </cell>
        </row>
        <row r="119">
          <cell r="C119">
            <v>2050048392</v>
          </cell>
        </row>
        <row r="120">
          <cell r="C120">
            <v>2050049085</v>
          </cell>
        </row>
        <row r="121">
          <cell r="C121">
            <v>2050049093</v>
          </cell>
        </row>
        <row r="122">
          <cell r="C122">
            <v>2050049259</v>
          </cell>
        </row>
        <row r="123">
          <cell r="C123">
            <v>2050049515</v>
          </cell>
        </row>
        <row r="124">
          <cell r="C124">
            <v>2050049655</v>
          </cell>
        </row>
        <row r="125">
          <cell r="C125">
            <v>2050050968</v>
          </cell>
        </row>
        <row r="126">
          <cell r="C126">
            <v>2050050968</v>
          </cell>
        </row>
        <row r="127">
          <cell r="C127">
            <v>2050051099</v>
          </cell>
        </row>
        <row r="128">
          <cell r="C128">
            <v>2050051099</v>
          </cell>
        </row>
        <row r="129">
          <cell r="C129">
            <v>2050051099</v>
          </cell>
        </row>
        <row r="130">
          <cell r="C130">
            <v>2050051396</v>
          </cell>
        </row>
        <row r="131">
          <cell r="C131">
            <v>2050051396</v>
          </cell>
        </row>
        <row r="132">
          <cell r="C132">
            <v>2050051701</v>
          </cell>
        </row>
        <row r="133">
          <cell r="C133">
            <v>2050051701</v>
          </cell>
        </row>
        <row r="134">
          <cell r="C134">
            <v>2050051974</v>
          </cell>
        </row>
        <row r="135">
          <cell r="C135">
            <v>2050052147</v>
          </cell>
        </row>
        <row r="136">
          <cell r="C136">
            <v>2050052147</v>
          </cell>
        </row>
        <row r="137">
          <cell r="C137">
            <v>2050053426</v>
          </cell>
        </row>
        <row r="138">
          <cell r="C138">
            <v>2050053426</v>
          </cell>
        </row>
        <row r="139">
          <cell r="C139">
            <v>2050054291</v>
          </cell>
        </row>
        <row r="140">
          <cell r="C140">
            <v>2050054507</v>
          </cell>
        </row>
        <row r="141">
          <cell r="C141">
            <v>2050054507</v>
          </cell>
        </row>
        <row r="142">
          <cell r="C142">
            <v>2050054515</v>
          </cell>
        </row>
        <row r="143">
          <cell r="C143">
            <v>2050054978</v>
          </cell>
        </row>
        <row r="144">
          <cell r="C144">
            <v>2050054978</v>
          </cell>
        </row>
        <row r="145">
          <cell r="C145">
            <v>2050055934</v>
          </cell>
        </row>
        <row r="146">
          <cell r="C146">
            <v>2050056155</v>
          </cell>
        </row>
        <row r="147">
          <cell r="C147">
            <v>2050056155</v>
          </cell>
        </row>
        <row r="148">
          <cell r="C148">
            <v>2050057658</v>
          </cell>
        </row>
        <row r="149">
          <cell r="C149">
            <v>2050057898</v>
          </cell>
        </row>
        <row r="150">
          <cell r="C150">
            <v>2050058102</v>
          </cell>
        </row>
        <row r="151">
          <cell r="C151">
            <v>2050058169</v>
          </cell>
        </row>
        <row r="152">
          <cell r="C152">
            <v>2050058169</v>
          </cell>
        </row>
        <row r="153">
          <cell r="C153">
            <v>2050058250</v>
          </cell>
        </row>
        <row r="154">
          <cell r="C154">
            <v>2050058300</v>
          </cell>
        </row>
        <row r="155">
          <cell r="C155">
            <v>2050058300</v>
          </cell>
        </row>
        <row r="156">
          <cell r="C156">
            <v>2050058342</v>
          </cell>
        </row>
        <row r="157">
          <cell r="C157">
            <v>2050058342</v>
          </cell>
        </row>
        <row r="158">
          <cell r="C158">
            <v>2050058342</v>
          </cell>
        </row>
        <row r="159">
          <cell r="C159">
            <v>2050059035</v>
          </cell>
        </row>
        <row r="160">
          <cell r="C160">
            <v>2050059514</v>
          </cell>
        </row>
        <row r="161">
          <cell r="C161">
            <v>2050059514</v>
          </cell>
        </row>
        <row r="162">
          <cell r="C162">
            <v>2050059928</v>
          </cell>
        </row>
        <row r="163">
          <cell r="C163">
            <v>2050060009</v>
          </cell>
        </row>
        <row r="164">
          <cell r="C164">
            <v>2050060009</v>
          </cell>
        </row>
        <row r="165">
          <cell r="C165">
            <v>2050060421</v>
          </cell>
        </row>
        <row r="166">
          <cell r="C166">
            <v>2050060439</v>
          </cell>
        </row>
        <row r="167">
          <cell r="C167">
            <v>2050060934</v>
          </cell>
        </row>
        <row r="168">
          <cell r="C168">
            <v>2050060934</v>
          </cell>
        </row>
        <row r="169">
          <cell r="C169">
            <v>2050060934</v>
          </cell>
        </row>
        <row r="170">
          <cell r="C170">
            <v>2050061353</v>
          </cell>
        </row>
        <row r="171">
          <cell r="C171">
            <v>2050061353</v>
          </cell>
        </row>
        <row r="172">
          <cell r="C172">
            <v>2050061445</v>
          </cell>
        </row>
        <row r="173">
          <cell r="C173">
            <v>2050061577</v>
          </cell>
        </row>
        <row r="174">
          <cell r="C174">
            <v>2050062120</v>
          </cell>
        </row>
        <row r="175">
          <cell r="C175">
            <v>2050062609</v>
          </cell>
        </row>
        <row r="176">
          <cell r="C176">
            <v>2050062856</v>
          </cell>
        </row>
        <row r="177">
          <cell r="C177">
            <v>2050063029</v>
          </cell>
        </row>
        <row r="178">
          <cell r="C178">
            <v>2050063136</v>
          </cell>
        </row>
        <row r="179">
          <cell r="C179">
            <v>2050063136</v>
          </cell>
        </row>
        <row r="180">
          <cell r="C180">
            <v>2050063326</v>
          </cell>
        </row>
        <row r="181">
          <cell r="C181">
            <v>2050063680</v>
          </cell>
        </row>
        <row r="182">
          <cell r="C182">
            <v>2050063680</v>
          </cell>
        </row>
        <row r="183">
          <cell r="C183">
            <v>2050063995</v>
          </cell>
        </row>
        <row r="184">
          <cell r="C184">
            <v>2050064647</v>
          </cell>
        </row>
        <row r="185">
          <cell r="C185">
            <v>2050065636</v>
          </cell>
        </row>
        <row r="186">
          <cell r="C186">
            <v>2050066451</v>
          </cell>
        </row>
        <row r="187">
          <cell r="C187">
            <v>2050066451</v>
          </cell>
        </row>
        <row r="188">
          <cell r="C188">
            <v>2050066865</v>
          </cell>
        </row>
        <row r="189">
          <cell r="C189">
            <v>2050066998</v>
          </cell>
        </row>
        <row r="190">
          <cell r="C190">
            <v>2050067905</v>
          </cell>
        </row>
        <row r="191">
          <cell r="C191">
            <v>2050067905</v>
          </cell>
        </row>
        <row r="192">
          <cell r="C192">
            <v>2050068614</v>
          </cell>
        </row>
        <row r="193">
          <cell r="C193">
            <v>2050068614</v>
          </cell>
        </row>
        <row r="194">
          <cell r="C194">
            <v>2050069661</v>
          </cell>
        </row>
        <row r="195">
          <cell r="C195">
            <v>2050069661</v>
          </cell>
        </row>
        <row r="196">
          <cell r="C196">
            <v>2050070057</v>
          </cell>
        </row>
        <row r="197">
          <cell r="C197">
            <v>2050070297</v>
          </cell>
        </row>
        <row r="198">
          <cell r="C198">
            <v>2050070685</v>
          </cell>
        </row>
        <row r="199">
          <cell r="C199">
            <v>2050073648</v>
          </cell>
        </row>
        <row r="200">
          <cell r="C200">
            <v>2050073820</v>
          </cell>
        </row>
        <row r="201">
          <cell r="C201">
            <v>2050073820</v>
          </cell>
        </row>
        <row r="202">
          <cell r="C202">
            <v>2050074216</v>
          </cell>
        </row>
        <row r="203">
          <cell r="C203">
            <v>2050075577</v>
          </cell>
        </row>
        <row r="204">
          <cell r="C204">
            <v>2050075619</v>
          </cell>
        </row>
        <row r="205">
          <cell r="C205">
            <v>2050075619</v>
          </cell>
        </row>
        <row r="206">
          <cell r="C206">
            <v>2050076054</v>
          </cell>
        </row>
        <row r="207">
          <cell r="C207">
            <v>2050076161</v>
          </cell>
        </row>
        <row r="208">
          <cell r="C208">
            <v>2050076385</v>
          </cell>
        </row>
        <row r="209">
          <cell r="C209">
            <v>2050076385</v>
          </cell>
        </row>
        <row r="210">
          <cell r="C210">
            <v>2050076831</v>
          </cell>
        </row>
        <row r="211">
          <cell r="C211">
            <v>2050076831</v>
          </cell>
        </row>
        <row r="212">
          <cell r="C212">
            <v>2050076856</v>
          </cell>
        </row>
        <row r="213">
          <cell r="C213">
            <v>2050076856</v>
          </cell>
        </row>
        <row r="214">
          <cell r="C214">
            <v>2050076856</v>
          </cell>
        </row>
        <row r="215">
          <cell r="C215">
            <v>2050078829</v>
          </cell>
        </row>
        <row r="216">
          <cell r="C216">
            <v>2050086392</v>
          </cell>
        </row>
        <row r="217">
          <cell r="C217">
            <v>2050087861</v>
          </cell>
        </row>
        <row r="218">
          <cell r="C218">
            <v>2050087861</v>
          </cell>
        </row>
        <row r="219">
          <cell r="C219">
            <v>2050088653</v>
          </cell>
        </row>
        <row r="220">
          <cell r="C220">
            <v>2050090162</v>
          </cell>
        </row>
        <row r="221">
          <cell r="C221">
            <v>2050090162</v>
          </cell>
        </row>
        <row r="222">
          <cell r="C222">
            <v>2050090410</v>
          </cell>
        </row>
        <row r="223">
          <cell r="C223">
            <v>2050090410</v>
          </cell>
        </row>
        <row r="224">
          <cell r="C224">
            <v>2050090600</v>
          </cell>
        </row>
        <row r="225">
          <cell r="C225">
            <v>2050091210</v>
          </cell>
        </row>
        <row r="226">
          <cell r="C226">
            <v>2050092374</v>
          </cell>
        </row>
        <row r="227">
          <cell r="C227">
            <v>2050092549</v>
          </cell>
        </row>
        <row r="228">
          <cell r="C228">
            <v>2050093463</v>
          </cell>
        </row>
        <row r="229">
          <cell r="C229">
            <v>2050093463</v>
          </cell>
        </row>
        <row r="230">
          <cell r="C230">
            <v>2050094099</v>
          </cell>
        </row>
        <row r="231">
          <cell r="C231">
            <v>2050094099</v>
          </cell>
        </row>
        <row r="232">
          <cell r="C232">
            <v>2050098512</v>
          </cell>
        </row>
        <row r="233">
          <cell r="C233">
            <v>2050098512</v>
          </cell>
        </row>
        <row r="234">
          <cell r="C234">
            <v>2050099395</v>
          </cell>
        </row>
        <row r="235">
          <cell r="C235">
            <v>2050099395</v>
          </cell>
        </row>
        <row r="236">
          <cell r="C236">
            <v>2050100276</v>
          </cell>
        </row>
        <row r="237">
          <cell r="C237">
            <v>2050100276</v>
          </cell>
        </row>
        <row r="238">
          <cell r="C238">
            <v>2050100672</v>
          </cell>
        </row>
        <row r="239">
          <cell r="C239">
            <v>2050100961</v>
          </cell>
        </row>
        <row r="240">
          <cell r="C240">
            <v>2050100961</v>
          </cell>
        </row>
        <row r="241">
          <cell r="C241">
            <v>2050101373</v>
          </cell>
        </row>
        <row r="242">
          <cell r="C242">
            <v>2050102892</v>
          </cell>
        </row>
        <row r="243">
          <cell r="C243">
            <v>2050103031</v>
          </cell>
        </row>
        <row r="244">
          <cell r="C244">
            <v>2050104815</v>
          </cell>
        </row>
        <row r="245">
          <cell r="C245">
            <v>2050104823</v>
          </cell>
        </row>
        <row r="246">
          <cell r="C246">
            <v>2050104823</v>
          </cell>
        </row>
        <row r="247">
          <cell r="C247">
            <v>2050104823</v>
          </cell>
        </row>
        <row r="248">
          <cell r="C248">
            <v>2050106687</v>
          </cell>
        </row>
        <row r="249">
          <cell r="C249">
            <v>2050106851</v>
          </cell>
        </row>
        <row r="250">
          <cell r="C250">
            <v>2050107586</v>
          </cell>
        </row>
        <row r="251">
          <cell r="C251">
            <v>2050108337</v>
          </cell>
        </row>
        <row r="252">
          <cell r="C252">
            <v>2050110945</v>
          </cell>
        </row>
        <row r="253">
          <cell r="C253">
            <v>2050111992</v>
          </cell>
        </row>
        <row r="254">
          <cell r="C254">
            <v>2050111992</v>
          </cell>
        </row>
        <row r="255">
          <cell r="C255">
            <v>2050111992</v>
          </cell>
        </row>
        <row r="256">
          <cell r="C256">
            <v>2050112743</v>
          </cell>
        </row>
        <row r="257">
          <cell r="C257">
            <v>2050112743</v>
          </cell>
        </row>
        <row r="258">
          <cell r="C258">
            <v>2050114087</v>
          </cell>
        </row>
        <row r="259">
          <cell r="C259">
            <v>2050114087</v>
          </cell>
        </row>
        <row r="260">
          <cell r="C260">
            <v>2050114210</v>
          </cell>
        </row>
        <row r="261">
          <cell r="C261">
            <v>2050114517</v>
          </cell>
        </row>
        <row r="262">
          <cell r="C262">
            <v>2050114558</v>
          </cell>
        </row>
        <row r="263">
          <cell r="C263">
            <v>2050115506</v>
          </cell>
        </row>
        <row r="264">
          <cell r="C264">
            <v>2050119631</v>
          </cell>
        </row>
        <row r="265">
          <cell r="C265">
            <v>2050119631</v>
          </cell>
        </row>
        <row r="266">
          <cell r="C266">
            <v>2050119631</v>
          </cell>
        </row>
        <row r="267">
          <cell r="C267">
            <v>2050121025</v>
          </cell>
        </row>
        <row r="268">
          <cell r="C268">
            <v>2050121025</v>
          </cell>
        </row>
        <row r="269">
          <cell r="C269">
            <v>2050126354</v>
          </cell>
        </row>
        <row r="270">
          <cell r="C270">
            <v>2050130174</v>
          </cell>
        </row>
        <row r="271">
          <cell r="C271">
            <v>2050130711</v>
          </cell>
        </row>
        <row r="272">
          <cell r="C272">
            <v>2050130943</v>
          </cell>
        </row>
        <row r="273">
          <cell r="C273">
            <v>2050130943</v>
          </cell>
        </row>
        <row r="274">
          <cell r="C274">
            <v>2050130943</v>
          </cell>
        </row>
        <row r="275">
          <cell r="C275">
            <v>2050131214</v>
          </cell>
        </row>
        <row r="276">
          <cell r="C276">
            <v>2050131214</v>
          </cell>
        </row>
        <row r="277">
          <cell r="C277">
            <v>2050135090</v>
          </cell>
        </row>
        <row r="278">
          <cell r="C278">
            <v>2050136817</v>
          </cell>
        </row>
        <row r="279">
          <cell r="C279">
            <v>2050139373</v>
          </cell>
        </row>
        <row r="280">
          <cell r="C280">
            <v>2050141106</v>
          </cell>
        </row>
        <row r="281">
          <cell r="C281">
            <v>2050146121</v>
          </cell>
        </row>
        <row r="282">
          <cell r="C282">
            <v>2050146188</v>
          </cell>
        </row>
        <row r="283">
          <cell r="C283">
            <v>2050146196</v>
          </cell>
        </row>
        <row r="284">
          <cell r="C284">
            <v>2050149620</v>
          </cell>
        </row>
        <row r="285">
          <cell r="C285">
            <v>3020000010</v>
          </cell>
        </row>
        <row r="286">
          <cell r="C286">
            <v>3020000010</v>
          </cell>
        </row>
        <row r="287">
          <cell r="C287">
            <v>3020000172</v>
          </cell>
        </row>
        <row r="288">
          <cell r="C288">
            <v>3020000244</v>
          </cell>
        </row>
        <row r="289">
          <cell r="C289">
            <v>3020000315</v>
          </cell>
        </row>
        <row r="290">
          <cell r="C290">
            <v>3020000351</v>
          </cell>
        </row>
        <row r="291">
          <cell r="C291">
            <v>3020000351</v>
          </cell>
        </row>
        <row r="292">
          <cell r="C292">
            <v>3020000351</v>
          </cell>
        </row>
        <row r="293">
          <cell r="C293">
            <v>3020000417</v>
          </cell>
        </row>
        <row r="294">
          <cell r="C294">
            <v>3020000444</v>
          </cell>
        </row>
        <row r="295">
          <cell r="C295">
            <v>3020000457</v>
          </cell>
        </row>
        <row r="296">
          <cell r="C296">
            <v>3020000510</v>
          </cell>
        </row>
        <row r="297">
          <cell r="C297">
            <v>3020000531</v>
          </cell>
        </row>
        <row r="298">
          <cell r="C298">
            <v>3020000669</v>
          </cell>
        </row>
        <row r="299">
          <cell r="C299">
            <v>3020000700</v>
          </cell>
        </row>
        <row r="300">
          <cell r="C300">
            <v>3020000700</v>
          </cell>
        </row>
        <row r="301">
          <cell r="C301">
            <v>3020000700</v>
          </cell>
        </row>
        <row r="302">
          <cell r="C302">
            <v>3020000881</v>
          </cell>
        </row>
        <row r="303">
          <cell r="C303">
            <v>3020000881</v>
          </cell>
        </row>
        <row r="304">
          <cell r="C304">
            <v>3020000881</v>
          </cell>
        </row>
        <row r="305">
          <cell r="C305">
            <v>3020000958</v>
          </cell>
        </row>
        <row r="306">
          <cell r="C306">
            <v>3020001025</v>
          </cell>
        </row>
        <row r="307">
          <cell r="C307">
            <v>3020001037</v>
          </cell>
        </row>
        <row r="308">
          <cell r="C308">
            <v>3020001072</v>
          </cell>
        </row>
        <row r="309">
          <cell r="C309">
            <v>3020001073</v>
          </cell>
        </row>
        <row r="310">
          <cell r="C310">
            <v>3020001154</v>
          </cell>
        </row>
        <row r="311">
          <cell r="C311">
            <v>3020001233</v>
          </cell>
        </row>
        <row r="312">
          <cell r="C312">
            <v>3020001326</v>
          </cell>
        </row>
        <row r="313">
          <cell r="C313">
            <v>3020001326</v>
          </cell>
        </row>
        <row r="314">
          <cell r="C314">
            <v>3020001343</v>
          </cell>
        </row>
        <row r="315">
          <cell r="C315">
            <v>3020001357</v>
          </cell>
        </row>
        <row r="316">
          <cell r="C316">
            <v>3020001357</v>
          </cell>
        </row>
        <row r="317">
          <cell r="C317">
            <v>3020001397</v>
          </cell>
        </row>
        <row r="318">
          <cell r="C318">
            <v>3020001397</v>
          </cell>
        </row>
        <row r="319">
          <cell r="C319">
            <v>3020001397</v>
          </cell>
        </row>
        <row r="320">
          <cell r="C320">
            <v>3020001458</v>
          </cell>
        </row>
        <row r="321">
          <cell r="C321">
            <v>3020001471</v>
          </cell>
        </row>
        <row r="322">
          <cell r="C322">
            <v>3020001494</v>
          </cell>
        </row>
        <row r="323">
          <cell r="C323">
            <v>3020001553</v>
          </cell>
        </row>
        <row r="324">
          <cell r="C324">
            <v>3020001584</v>
          </cell>
        </row>
        <row r="325">
          <cell r="C325">
            <v>3020001764</v>
          </cell>
        </row>
        <row r="326">
          <cell r="C326">
            <v>3020001798</v>
          </cell>
        </row>
        <row r="327">
          <cell r="C327">
            <v>3020001798</v>
          </cell>
        </row>
        <row r="328">
          <cell r="C328">
            <v>3020001913</v>
          </cell>
        </row>
        <row r="329">
          <cell r="C329">
            <v>3020001913</v>
          </cell>
        </row>
        <row r="330">
          <cell r="C330">
            <v>3020002279</v>
          </cell>
        </row>
        <row r="331">
          <cell r="C331">
            <v>2050069570</v>
          </cell>
        </row>
      </sheetData>
      <sheetData sheetId="2">
        <row r="2">
          <cell r="C2">
            <v>214</v>
          </cell>
        </row>
        <row r="3">
          <cell r="C3">
            <v>247</v>
          </cell>
        </row>
        <row r="4">
          <cell r="C4">
            <v>250</v>
          </cell>
        </row>
        <row r="5">
          <cell r="C5">
            <v>429</v>
          </cell>
        </row>
        <row r="6">
          <cell r="C6">
            <v>2050007851</v>
          </cell>
        </row>
        <row r="7">
          <cell r="C7">
            <v>2050011259</v>
          </cell>
        </row>
        <row r="8">
          <cell r="C8">
            <v>2050011259</v>
          </cell>
        </row>
        <row r="9">
          <cell r="C9">
            <v>2050011440</v>
          </cell>
        </row>
        <row r="10">
          <cell r="C10">
            <v>2050012372</v>
          </cell>
        </row>
        <row r="11">
          <cell r="C11">
            <v>2050013636</v>
          </cell>
        </row>
        <row r="12">
          <cell r="C12">
            <v>2050013917</v>
          </cell>
        </row>
        <row r="13">
          <cell r="C13">
            <v>2050014782</v>
          </cell>
        </row>
        <row r="14">
          <cell r="C14">
            <v>2050015060</v>
          </cell>
        </row>
        <row r="15">
          <cell r="C15">
            <v>2050015326</v>
          </cell>
        </row>
        <row r="16">
          <cell r="C16">
            <v>2050015326</v>
          </cell>
        </row>
        <row r="17">
          <cell r="C17">
            <v>2050015326</v>
          </cell>
        </row>
        <row r="18">
          <cell r="C18">
            <v>2050016399</v>
          </cell>
        </row>
        <row r="19">
          <cell r="C19">
            <v>2050016399</v>
          </cell>
        </row>
        <row r="20">
          <cell r="C20">
            <v>2050017173</v>
          </cell>
        </row>
        <row r="21">
          <cell r="C21">
            <v>2050018320</v>
          </cell>
        </row>
        <row r="22">
          <cell r="C22">
            <v>2050019807</v>
          </cell>
        </row>
        <row r="23">
          <cell r="C23">
            <v>2050020110</v>
          </cell>
        </row>
        <row r="24">
          <cell r="C24">
            <v>2050021571</v>
          </cell>
        </row>
        <row r="25">
          <cell r="C25">
            <v>2050021571</v>
          </cell>
        </row>
        <row r="26">
          <cell r="C26">
            <v>2050021613</v>
          </cell>
        </row>
        <row r="27">
          <cell r="C27">
            <v>2050022330</v>
          </cell>
        </row>
        <row r="28">
          <cell r="C28">
            <v>2050022330</v>
          </cell>
        </row>
        <row r="29">
          <cell r="C29">
            <v>2050022710</v>
          </cell>
        </row>
        <row r="30">
          <cell r="C30">
            <v>2050022884</v>
          </cell>
        </row>
        <row r="31">
          <cell r="C31">
            <v>2050023080</v>
          </cell>
        </row>
        <row r="32">
          <cell r="C32">
            <v>2050023080</v>
          </cell>
        </row>
        <row r="33">
          <cell r="C33">
            <v>2050023395</v>
          </cell>
        </row>
        <row r="34">
          <cell r="C34">
            <v>2050023460</v>
          </cell>
        </row>
        <row r="35">
          <cell r="C35">
            <v>2050025143</v>
          </cell>
        </row>
        <row r="36">
          <cell r="C36">
            <v>2050025754</v>
          </cell>
        </row>
        <row r="37">
          <cell r="C37">
            <v>2050026117</v>
          </cell>
        </row>
        <row r="38">
          <cell r="C38">
            <v>2050026117</v>
          </cell>
        </row>
        <row r="39">
          <cell r="C39">
            <v>2050026281</v>
          </cell>
        </row>
        <row r="40">
          <cell r="C40">
            <v>2050026281</v>
          </cell>
        </row>
        <row r="41">
          <cell r="C41">
            <v>2050026299</v>
          </cell>
        </row>
        <row r="42">
          <cell r="C42">
            <v>2050026299</v>
          </cell>
        </row>
        <row r="43">
          <cell r="C43">
            <v>2050027172</v>
          </cell>
        </row>
        <row r="44">
          <cell r="C44">
            <v>2050027669</v>
          </cell>
        </row>
        <row r="45">
          <cell r="C45">
            <v>2050029046</v>
          </cell>
        </row>
        <row r="46">
          <cell r="C46">
            <v>2050029046</v>
          </cell>
        </row>
        <row r="47">
          <cell r="C47">
            <v>2050029178</v>
          </cell>
        </row>
        <row r="48">
          <cell r="C48">
            <v>2050029335</v>
          </cell>
        </row>
        <row r="49">
          <cell r="C49">
            <v>2050029772</v>
          </cell>
        </row>
        <row r="50">
          <cell r="C50">
            <v>2050030119</v>
          </cell>
        </row>
        <row r="51">
          <cell r="C51">
            <v>2050030119</v>
          </cell>
        </row>
        <row r="52">
          <cell r="C52">
            <v>2050030507</v>
          </cell>
        </row>
        <row r="53">
          <cell r="C53">
            <v>2050030507</v>
          </cell>
        </row>
        <row r="54">
          <cell r="C54">
            <v>2050030507</v>
          </cell>
        </row>
        <row r="55">
          <cell r="C55">
            <v>2050031018</v>
          </cell>
        </row>
        <row r="56">
          <cell r="C56">
            <v>2050031075</v>
          </cell>
        </row>
        <row r="57">
          <cell r="C57">
            <v>2050031539</v>
          </cell>
        </row>
        <row r="58">
          <cell r="C58">
            <v>2050031539</v>
          </cell>
        </row>
        <row r="59">
          <cell r="C59">
            <v>2050031919</v>
          </cell>
        </row>
        <row r="60">
          <cell r="C60">
            <v>2050032107</v>
          </cell>
        </row>
        <row r="61">
          <cell r="C61">
            <v>2050032107</v>
          </cell>
        </row>
        <row r="62">
          <cell r="C62">
            <v>2050032875</v>
          </cell>
        </row>
        <row r="63">
          <cell r="C63">
            <v>2050034012</v>
          </cell>
        </row>
        <row r="64">
          <cell r="C64">
            <v>2050034012</v>
          </cell>
        </row>
        <row r="65">
          <cell r="C65">
            <v>2050035357</v>
          </cell>
        </row>
        <row r="66">
          <cell r="C66">
            <v>2050035597</v>
          </cell>
        </row>
        <row r="67">
          <cell r="C67">
            <v>2050035753</v>
          </cell>
        </row>
        <row r="68">
          <cell r="C68">
            <v>2050036116</v>
          </cell>
        </row>
        <row r="69">
          <cell r="C69">
            <v>2050036306</v>
          </cell>
        </row>
        <row r="70">
          <cell r="C70">
            <v>2050036306</v>
          </cell>
        </row>
        <row r="71">
          <cell r="C71">
            <v>2050036306</v>
          </cell>
        </row>
        <row r="72">
          <cell r="C72">
            <v>2050036470</v>
          </cell>
        </row>
        <row r="73">
          <cell r="C73">
            <v>2050036470</v>
          </cell>
        </row>
        <row r="74">
          <cell r="C74">
            <v>2050036470</v>
          </cell>
        </row>
        <row r="75">
          <cell r="C75">
            <v>2050037361</v>
          </cell>
        </row>
        <row r="76">
          <cell r="C76">
            <v>2050037361</v>
          </cell>
        </row>
        <row r="77">
          <cell r="C77">
            <v>2050037403</v>
          </cell>
        </row>
        <row r="78">
          <cell r="C78">
            <v>2050037460</v>
          </cell>
        </row>
        <row r="79">
          <cell r="C79">
            <v>2050037460</v>
          </cell>
        </row>
        <row r="80">
          <cell r="C80">
            <v>2050037643</v>
          </cell>
        </row>
        <row r="81">
          <cell r="C81">
            <v>2050038880</v>
          </cell>
        </row>
        <row r="82">
          <cell r="C82">
            <v>2050039219</v>
          </cell>
        </row>
        <row r="83">
          <cell r="C83">
            <v>2050039326</v>
          </cell>
        </row>
        <row r="84">
          <cell r="C84">
            <v>2050039409</v>
          </cell>
        </row>
        <row r="85">
          <cell r="C85">
            <v>2050039409</v>
          </cell>
        </row>
        <row r="86">
          <cell r="C86">
            <v>2050039599</v>
          </cell>
        </row>
        <row r="87">
          <cell r="C87">
            <v>2050039888</v>
          </cell>
        </row>
        <row r="88">
          <cell r="C88">
            <v>2050040605</v>
          </cell>
        </row>
        <row r="89">
          <cell r="C89">
            <v>2050040647</v>
          </cell>
        </row>
        <row r="90">
          <cell r="C90">
            <v>2050040696</v>
          </cell>
        </row>
        <row r="91">
          <cell r="C91">
            <v>2050041124</v>
          </cell>
        </row>
        <row r="92">
          <cell r="C92">
            <v>2050041660</v>
          </cell>
        </row>
        <row r="93">
          <cell r="C93">
            <v>2050041843</v>
          </cell>
        </row>
        <row r="94">
          <cell r="C94">
            <v>2050042585</v>
          </cell>
        </row>
        <row r="95">
          <cell r="C95">
            <v>2050042692</v>
          </cell>
        </row>
        <row r="96">
          <cell r="C96">
            <v>2050043377</v>
          </cell>
        </row>
        <row r="97">
          <cell r="C97">
            <v>2050043674</v>
          </cell>
        </row>
        <row r="98">
          <cell r="C98">
            <v>2050043930</v>
          </cell>
        </row>
        <row r="99">
          <cell r="C99">
            <v>2050043930</v>
          </cell>
        </row>
        <row r="100">
          <cell r="C100">
            <v>2050043948</v>
          </cell>
        </row>
        <row r="101">
          <cell r="C101">
            <v>2050043948</v>
          </cell>
        </row>
        <row r="102">
          <cell r="C102">
            <v>2050044185</v>
          </cell>
        </row>
        <row r="103">
          <cell r="C103">
            <v>2050044185</v>
          </cell>
        </row>
        <row r="104">
          <cell r="C104">
            <v>2050044284</v>
          </cell>
        </row>
        <row r="105">
          <cell r="C105">
            <v>2050044284</v>
          </cell>
        </row>
        <row r="106">
          <cell r="C106">
            <v>2050044292</v>
          </cell>
        </row>
        <row r="107">
          <cell r="C107">
            <v>2050044524</v>
          </cell>
        </row>
        <row r="108">
          <cell r="C108">
            <v>2050045133</v>
          </cell>
        </row>
        <row r="109">
          <cell r="C109">
            <v>2050045562</v>
          </cell>
        </row>
        <row r="110">
          <cell r="C110">
            <v>2050045562</v>
          </cell>
        </row>
        <row r="111">
          <cell r="C111">
            <v>2050045604</v>
          </cell>
        </row>
        <row r="112">
          <cell r="C112">
            <v>2050045604</v>
          </cell>
        </row>
        <row r="113">
          <cell r="C113">
            <v>2050046537</v>
          </cell>
        </row>
        <row r="114">
          <cell r="C114">
            <v>2050046768</v>
          </cell>
        </row>
        <row r="115">
          <cell r="C115">
            <v>2050046792</v>
          </cell>
        </row>
        <row r="116">
          <cell r="C116">
            <v>2050047162</v>
          </cell>
        </row>
        <row r="117">
          <cell r="C117">
            <v>2050048293</v>
          </cell>
        </row>
        <row r="118">
          <cell r="C118">
            <v>2050048293</v>
          </cell>
        </row>
        <row r="119">
          <cell r="C119">
            <v>2050049093</v>
          </cell>
        </row>
        <row r="120">
          <cell r="C120">
            <v>2050049093</v>
          </cell>
        </row>
        <row r="121">
          <cell r="C121">
            <v>2050049259</v>
          </cell>
        </row>
        <row r="122">
          <cell r="C122">
            <v>2050049515</v>
          </cell>
        </row>
        <row r="123">
          <cell r="C123">
            <v>2050049655</v>
          </cell>
        </row>
        <row r="124">
          <cell r="C124">
            <v>2050050968</v>
          </cell>
        </row>
        <row r="125">
          <cell r="C125">
            <v>2050050968</v>
          </cell>
        </row>
        <row r="126">
          <cell r="C126">
            <v>2050051099</v>
          </cell>
        </row>
        <row r="127">
          <cell r="C127">
            <v>2050051099</v>
          </cell>
        </row>
        <row r="128">
          <cell r="C128">
            <v>2050051099</v>
          </cell>
        </row>
        <row r="129">
          <cell r="C129">
            <v>2050051396</v>
          </cell>
        </row>
        <row r="130">
          <cell r="C130">
            <v>2050051396</v>
          </cell>
        </row>
        <row r="131">
          <cell r="C131">
            <v>2050051701</v>
          </cell>
        </row>
        <row r="132">
          <cell r="C132">
            <v>2050051701</v>
          </cell>
        </row>
        <row r="133">
          <cell r="C133">
            <v>2050051974</v>
          </cell>
        </row>
        <row r="134">
          <cell r="C134">
            <v>2050052147</v>
          </cell>
        </row>
        <row r="135">
          <cell r="C135">
            <v>2050052147</v>
          </cell>
        </row>
        <row r="136">
          <cell r="C136">
            <v>2050053426</v>
          </cell>
        </row>
        <row r="137">
          <cell r="C137">
            <v>2050053426</v>
          </cell>
        </row>
        <row r="138">
          <cell r="C138">
            <v>2050054291</v>
          </cell>
        </row>
        <row r="139">
          <cell r="C139">
            <v>2050054507</v>
          </cell>
        </row>
        <row r="140">
          <cell r="C140">
            <v>2050054507</v>
          </cell>
        </row>
        <row r="141">
          <cell r="C141">
            <v>2050054515</v>
          </cell>
        </row>
        <row r="142">
          <cell r="C142">
            <v>2050054978</v>
          </cell>
        </row>
        <row r="143">
          <cell r="C143">
            <v>2050056155</v>
          </cell>
        </row>
        <row r="144">
          <cell r="C144">
            <v>2050056155</v>
          </cell>
        </row>
        <row r="145">
          <cell r="C145">
            <v>2050057658</v>
          </cell>
        </row>
        <row r="146">
          <cell r="C146">
            <v>2050057815</v>
          </cell>
        </row>
        <row r="147">
          <cell r="C147">
            <v>2050057898</v>
          </cell>
        </row>
        <row r="148">
          <cell r="C148">
            <v>2050058102</v>
          </cell>
        </row>
        <row r="149">
          <cell r="C149">
            <v>2050058169</v>
          </cell>
        </row>
        <row r="150">
          <cell r="C150">
            <v>2050058250</v>
          </cell>
        </row>
        <row r="151">
          <cell r="C151">
            <v>2050058300</v>
          </cell>
        </row>
        <row r="152">
          <cell r="C152">
            <v>2050058300</v>
          </cell>
        </row>
        <row r="153">
          <cell r="C153">
            <v>2050058342</v>
          </cell>
        </row>
        <row r="154">
          <cell r="C154">
            <v>2050058342</v>
          </cell>
        </row>
        <row r="155">
          <cell r="C155">
            <v>2050058342</v>
          </cell>
        </row>
        <row r="156">
          <cell r="C156">
            <v>2050059035</v>
          </cell>
        </row>
        <row r="157">
          <cell r="C157">
            <v>2050059514</v>
          </cell>
        </row>
        <row r="158">
          <cell r="C158">
            <v>2050059514</v>
          </cell>
        </row>
        <row r="159">
          <cell r="C159">
            <v>2050059928</v>
          </cell>
        </row>
        <row r="160">
          <cell r="C160">
            <v>2050060009</v>
          </cell>
        </row>
        <row r="161">
          <cell r="C161">
            <v>2050060009</v>
          </cell>
        </row>
        <row r="162">
          <cell r="C162">
            <v>2050060421</v>
          </cell>
        </row>
        <row r="163">
          <cell r="C163">
            <v>2050060439</v>
          </cell>
        </row>
        <row r="164">
          <cell r="C164">
            <v>2050060934</v>
          </cell>
        </row>
        <row r="165">
          <cell r="C165">
            <v>2050060934</v>
          </cell>
        </row>
        <row r="166">
          <cell r="C166">
            <v>2050060934</v>
          </cell>
        </row>
        <row r="167">
          <cell r="C167">
            <v>2050060959</v>
          </cell>
        </row>
        <row r="168">
          <cell r="C168">
            <v>2050061353</v>
          </cell>
        </row>
        <row r="169">
          <cell r="C169">
            <v>2050061353</v>
          </cell>
        </row>
        <row r="170">
          <cell r="C170">
            <v>2050061445</v>
          </cell>
        </row>
        <row r="171">
          <cell r="C171">
            <v>2050061577</v>
          </cell>
        </row>
        <row r="172">
          <cell r="C172">
            <v>2050062120</v>
          </cell>
        </row>
        <row r="173">
          <cell r="C173">
            <v>2050062609</v>
          </cell>
        </row>
        <row r="174">
          <cell r="C174">
            <v>2050062856</v>
          </cell>
        </row>
        <row r="175">
          <cell r="C175">
            <v>2050063029</v>
          </cell>
        </row>
        <row r="176">
          <cell r="C176">
            <v>2050063136</v>
          </cell>
        </row>
        <row r="177">
          <cell r="C177">
            <v>2050063326</v>
          </cell>
        </row>
        <row r="178">
          <cell r="C178">
            <v>2050063680</v>
          </cell>
        </row>
        <row r="179">
          <cell r="C179">
            <v>2050063680</v>
          </cell>
        </row>
        <row r="180">
          <cell r="C180">
            <v>2050063995</v>
          </cell>
        </row>
        <row r="181">
          <cell r="C181">
            <v>2050064647</v>
          </cell>
        </row>
        <row r="182">
          <cell r="C182">
            <v>2050065636</v>
          </cell>
        </row>
        <row r="183">
          <cell r="C183">
            <v>2050066451</v>
          </cell>
        </row>
        <row r="184">
          <cell r="C184">
            <v>2050066451</v>
          </cell>
        </row>
        <row r="185">
          <cell r="C185">
            <v>2050066865</v>
          </cell>
        </row>
        <row r="186">
          <cell r="C186">
            <v>2050066998</v>
          </cell>
        </row>
        <row r="187">
          <cell r="C187">
            <v>2050067905</v>
          </cell>
        </row>
        <row r="188">
          <cell r="C188">
            <v>2050067905</v>
          </cell>
        </row>
        <row r="189">
          <cell r="C189">
            <v>2050068614</v>
          </cell>
        </row>
        <row r="190">
          <cell r="C190">
            <v>2050068614</v>
          </cell>
        </row>
        <row r="191">
          <cell r="C191">
            <v>2050069570</v>
          </cell>
        </row>
        <row r="192">
          <cell r="C192">
            <v>2050069661</v>
          </cell>
        </row>
        <row r="193">
          <cell r="C193">
            <v>2050069661</v>
          </cell>
        </row>
        <row r="194">
          <cell r="C194">
            <v>2050070057</v>
          </cell>
        </row>
        <row r="195">
          <cell r="C195">
            <v>2050070297</v>
          </cell>
        </row>
        <row r="196">
          <cell r="C196">
            <v>2050070685</v>
          </cell>
        </row>
        <row r="197">
          <cell r="C197">
            <v>2050073093</v>
          </cell>
        </row>
        <row r="198">
          <cell r="C198">
            <v>2050073648</v>
          </cell>
        </row>
        <row r="199">
          <cell r="C199">
            <v>2050073820</v>
          </cell>
        </row>
        <row r="200">
          <cell r="C200">
            <v>2050073820</v>
          </cell>
        </row>
        <row r="201">
          <cell r="C201">
            <v>2050075577</v>
          </cell>
        </row>
        <row r="202">
          <cell r="C202">
            <v>2050075619</v>
          </cell>
        </row>
        <row r="203">
          <cell r="C203">
            <v>2050075619</v>
          </cell>
        </row>
        <row r="204">
          <cell r="C204">
            <v>2050076054</v>
          </cell>
        </row>
        <row r="205">
          <cell r="C205">
            <v>2050076161</v>
          </cell>
        </row>
        <row r="206">
          <cell r="C206">
            <v>2050076385</v>
          </cell>
        </row>
        <row r="207">
          <cell r="C207">
            <v>2050076385</v>
          </cell>
        </row>
        <row r="208">
          <cell r="C208">
            <v>2050076831</v>
          </cell>
        </row>
        <row r="209">
          <cell r="C209">
            <v>2050076831</v>
          </cell>
        </row>
        <row r="210">
          <cell r="C210">
            <v>2050076856</v>
          </cell>
        </row>
        <row r="211">
          <cell r="C211">
            <v>2050076856</v>
          </cell>
        </row>
        <row r="212">
          <cell r="C212">
            <v>2050076856</v>
          </cell>
        </row>
        <row r="213">
          <cell r="C213">
            <v>2050077888</v>
          </cell>
        </row>
        <row r="214">
          <cell r="C214">
            <v>2050078829</v>
          </cell>
        </row>
        <row r="215">
          <cell r="C215">
            <v>2050078829</v>
          </cell>
        </row>
        <row r="216">
          <cell r="C216">
            <v>2050086392</v>
          </cell>
        </row>
        <row r="217">
          <cell r="C217">
            <v>2050087861</v>
          </cell>
        </row>
        <row r="218">
          <cell r="C218">
            <v>2050087861</v>
          </cell>
        </row>
        <row r="219">
          <cell r="C219">
            <v>2050088653</v>
          </cell>
        </row>
        <row r="220">
          <cell r="C220">
            <v>2050090162</v>
          </cell>
        </row>
        <row r="221">
          <cell r="C221">
            <v>2050090162</v>
          </cell>
        </row>
        <row r="222">
          <cell r="C222">
            <v>2050090410</v>
          </cell>
        </row>
        <row r="223">
          <cell r="C223">
            <v>2050090410</v>
          </cell>
        </row>
        <row r="224">
          <cell r="C224">
            <v>2050090410</v>
          </cell>
        </row>
        <row r="225">
          <cell r="C225">
            <v>2050090600</v>
          </cell>
        </row>
        <row r="226">
          <cell r="C226">
            <v>2050091210</v>
          </cell>
        </row>
        <row r="227">
          <cell r="C227">
            <v>2050092374</v>
          </cell>
        </row>
        <row r="228">
          <cell r="C228">
            <v>2050092549</v>
          </cell>
        </row>
        <row r="229">
          <cell r="C229">
            <v>2050093463</v>
          </cell>
        </row>
        <row r="230">
          <cell r="C230">
            <v>2050093463</v>
          </cell>
        </row>
        <row r="231">
          <cell r="C231">
            <v>2050094099</v>
          </cell>
        </row>
        <row r="232">
          <cell r="C232">
            <v>2050094099</v>
          </cell>
        </row>
        <row r="233">
          <cell r="C233">
            <v>2050094834</v>
          </cell>
        </row>
        <row r="234">
          <cell r="C234">
            <v>2050098512</v>
          </cell>
        </row>
        <row r="235">
          <cell r="C235">
            <v>2050098512</v>
          </cell>
        </row>
        <row r="236">
          <cell r="C236">
            <v>2050099395</v>
          </cell>
        </row>
        <row r="237">
          <cell r="C237">
            <v>2050099395</v>
          </cell>
        </row>
        <row r="238">
          <cell r="C238">
            <v>2050100276</v>
          </cell>
        </row>
        <row r="239">
          <cell r="C239">
            <v>2050100276</v>
          </cell>
        </row>
        <row r="240">
          <cell r="C240">
            <v>2050100672</v>
          </cell>
        </row>
        <row r="241">
          <cell r="C241">
            <v>2050100961</v>
          </cell>
        </row>
        <row r="242">
          <cell r="C242">
            <v>2050101373</v>
          </cell>
        </row>
        <row r="243">
          <cell r="C243">
            <v>2050103031</v>
          </cell>
        </row>
        <row r="244">
          <cell r="C244">
            <v>2050104815</v>
          </cell>
        </row>
        <row r="245">
          <cell r="C245">
            <v>2050104823</v>
          </cell>
        </row>
        <row r="246">
          <cell r="C246">
            <v>2050104823</v>
          </cell>
        </row>
        <row r="247">
          <cell r="C247">
            <v>2050104823</v>
          </cell>
        </row>
        <row r="248">
          <cell r="C248">
            <v>2050106687</v>
          </cell>
        </row>
        <row r="249">
          <cell r="C249">
            <v>2050106851</v>
          </cell>
        </row>
        <row r="250">
          <cell r="C250">
            <v>2050107586</v>
          </cell>
        </row>
        <row r="251">
          <cell r="C251">
            <v>2050108337</v>
          </cell>
        </row>
        <row r="252">
          <cell r="C252">
            <v>2050110945</v>
          </cell>
        </row>
        <row r="253">
          <cell r="C253">
            <v>2050111992</v>
          </cell>
        </row>
        <row r="254">
          <cell r="C254">
            <v>2050111992</v>
          </cell>
        </row>
        <row r="255">
          <cell r="C255">
            <v>2050111992</v>
          </cell>
        </row>
        <row r="256">
          <cell r="C256">
            <v>2050112743</v>
          </cell>
        </row>
        <row r="257">
          <cell r="C257">
            <v>2050112743</v>
          </cell>
        </row>
        <row r="258">
          <cell r="C258">
            <v>2050114087</v>
          </cell>
        </row>
        <row r="259">
          <cell r="C259">
            <v>2050114087</v>
          </cell>
        </row>
        <row r="260">
          <cell r="C260">
            <v>2050114517</v>
          </cell>
        </row>
        <row r="261">
          <cell r="C261">
            <v>2050114558</v>
          </cell>
        </row>
        <row r="262">
          <cell r="C262">
            <v>2050115506</v>
          </cell>
        </row>
        <row r="263">
          <cell r="C263">
            <v>2050119631</v>
          </cell>
        </row>
        <row r="264">
          <cell r="C264">
            <v>2050119631</v>
          </cell>
        </row>
        <row r="265">
          <cell r="C265">
            <v>2050119631</v>
          </cell>
        </row>
        <row r="266">
          <cell r="C266">
            <v>2050121025</v>
          </cell>
        </row>
        <row r="267">
          <cell r="C267">
            <v>2050121025</v>
          </cell>
        </row>
        <row r="268">
          <cell r="C268">
            <v>2050126354</v>
          </cell>
        </row>
        <row r="269">
          <cell r="C269">
            <v>2050130174</v>
          </cell>
        </row>
        <row r="270">
          <cell r="C270">
            <v>2050130711</v>
          </cell>
        </row>
        <row r="271">
          <cell r="C271">
            <v>2050130943</v>
          </cell>
        </row>
        <row r="272">
          <cell r="C272">
            <v>2050130943</v>
          </cell>
        </row>
        <row r="273">
          <cell r="C273">
            <v>2050130943</v>
          </cell>
        </row>
        <row r="274">
          <cell r="C274">
            <v>2050131214</v>
          </cell>
        </row>
        <row r="275">
          <cell r="C275">
            <v>2050131214</v>
          </cell>
        </row>
        <row r="276">
          <cell r="C276">
            <v>2050135090</v>
          </cell>
        </row>
        <row r="277">
          <cell r="C277">
            <v>2050136817</v>
          </cell>
        </row>
        <row r="278">
          <cell r="C278">
            <v>2050139373</v>
          </cell>
        </row>
        <row r="279">
          <cell r="C279">
            <v>2050141106</v>
          </cell>
        </row>
        <row r="280">
          <cell r="C280">
            <v>2050146121</v>
          </cell>
        </row>
        <row r="281">
          <cell r="C281">
            <v>2050146188</v>
          </cell>
        </row>
        <row r="282">
          <cell r="C282">
            <v>2050146196</v>
          </cell>
        </row>
        <row r="283">
          <cell r="C283">
            <v>2050149620</v>
          </cell>
        </row>
        <row r="284">
          <cell r="C284">
            <v>2050150768</v>
          </cell>
        </row>
        <row r="285">
          <cell r="C285">
            <v>3020000016</v>
          </cell>
        </row>
        <row r="286">
          <cell r="C286">
            <v>3020000172</v>
          </cell>
        </row>
        <row r="287">
          <cell r="C287">
            <v>3020000244</v>
          </cell>
        </row>
        <row r="288">
          <cell r="C288">
            <v>3020000315</v>
          </cell>
        </row>
        <row r="289">
          <cell r="C289">
            <v>3020000351</v>
          </cell>
        </row>
        <row r="290">
          <cell r="C290">
            <v>3020000351</v>
          </cell>
        </row>
        <row r="291">
          <cell r="C291">
            <v>3020000351</v>
          </cell>
        </row>
        <row r="292">
          <cell r="C292">
            <v>3020000417</v>
          </cell>
        </row>
        <row r="293">
          <cell r="C293">
            <v>3020000444</v>
          </cell>
        </row>
        <row r="294">
          <cell r="C294">
            <v>3020000457</v>
          </cell>
        </row>
        <row r="295">
          <cell r="C295">
            <v>3020000510</v>
          </cell>
        </row>
        <row r="296">
          <cell r="C296">
            <v>3020000531</v>
          </cell>
        </row>
        <row r="297">
          <cell r="C297">
            <v>3020000669</v>
          </cell>
        </row>
        <row r="298">
          <cell r="C298">
            <v>3020000700</v>
          </cell>
        </row>
        <row r="299">
          <cell r="C299">
            <v>3020000700</v>
          </cell>
        </row>
        <row r="300">
          <cell r="C300">
            <v>3020000700</v>
          </cell>
        </row>
        <row r="301">
          <cell r="C301">
            <v>3020000881</v>
          </cell>
        </row>
        <row r="302">
          <cell r="C302">
            <v>3020000881</v>
          </cell>
        </row>
        <row r="303">
          <cell r="C303">
            <v>3020000881</v>
          </cell>
        </row>
        <row r="304">
          <cell r="C304">
            <v>3020000958</v>
          </cell>
        </row>
        <row r="305">
          <cell r="C305">
            <v>3020001025</v>
          </cell>
        </row>
        <row r="306">
          <cell r="C306">
            <v>3020001072</v>
          </cell>
        </row>
        <row r="307">
          <cell r="C307">
            <v>3020001073</v>
          </cell>
        </row>
        <row r="308">
          <cell r="C308">
            <v>3020001154</v>
          </cell>
        </row>
        <row r="309">
          <cell r="C309">
            <v>3020001233</v>
          </cell>
        </row>
        <row r="310">
          <cell r="C310">
            <v>3020001233</v>
          </cell>
        </row>
        <row r="311">
          <cell r="C311">
            <v>3020001326</v>
          </cell>
        </row>
        <row r="312">
          <cell r="C312">
            <v>3020001326</v>
          </cell>
        </row>
        <row r="313">
          <cell r="C313">
            <v>3020001343</v>
          </cell>
        </row>
        <row r="314">
          <cell r="C314">
            <v>3020001357</v>
          </cell>
        </row>
        <row r="315">
          <cell r="C315">
            <v>3020001357</v>
          </cell>
        </row>
        <row r="316">
          <cell r="C316">
            <v>3020001397</v>
          </cell>
        </row>
        <row r="317">
          <cell r="C317">
            <v>3020001397</v>
          </cell>
        </row>
        <row r="318">
          <cell r="C318">
            <v>3020001397</v>
          </cell>
        </row>
        <row r="319">
          <cell r="C319">
            <v>3020001458</v>
          </cell>
        </row>
        <row r="320">
          <cell r="C320">
            <v>3020001471</v>
          </cell>
        </row>
        <row r="321">
          <cell r="C321">
            <v>3020001553</v>
          </cell>
        </row>
        <row r="322">
          <cell r="C322">
            <v>3020001584</v>
          </cell>
        </row>
        <row r="323">
          <cell r="C323">
            <v>3020001764</v>
          </cell>
        </row>
        <row r="324">
          <cell r="C324">
            <v>3020001798</v>
          </cell>
        </row>
        <row r="325">
          <cell r="C325">
            <v>3020001798</v>
          </cell>
        </row>
        <row r="326">
          <cell r="C326">
            <v>3020001913</v>
          </cell>
        </row>
        <row r="327">
          <cell r="C327">
            <v>3020001913</v>
          </cell>
        </row>
        <row r="328">
          <cell r="C328">
            <v>3020001984</v>
          </cell>
        </row>
        <row r="329">
          <cell r="C329">
            <v>3020002279</v>
          </cell>
        </row>
        <row r="330">
          <cell r="C330">
            <v>2050048392</v>
          </cell>
        </row>
        <row r="331">
          <cell r="C331">
            <v>2050048392</v>
          </cell>
        </row>
        <row r="332">
          <cell r="C332">
            <v>2050069083</v>
          </cell>
        </row>
        <row r="333">
          <cell r="C333">
            <v>2050069083</v>
          </cell>
        </row>
      </sheetData>
      <sheetData sheetId="3">
        <row r="2">
          <cell r="C2">
            <v>214</v>
          </cell>
        </row>
        <row r="3">
          <cell r="C3">
            <v>247</v>
          </cell>
        </row>
        <row r="4">
          <cell r="C4">
            <v>429</v>
          </cell>
        </row>
        <row r="5">
          <cell r="C5">
            <v>2050007851</v>
          </cell>
        </row>
        <row r="6">
          <cell r="C6">
            <v>2050007851</v>
          </cell>
        </row>
        <row r="7">
          <cell r="C7">
            <v>2050011259</v>
          </cell>
        </row>
        <row r="8">
          <cell r="C8">
            <v>2050011259</v>
          </cell>
        </row>
        <row r="9">
          <cell r="C9">
            <v>2050011440</v>
          </cell>
        </row>
        <row r="10">
          <cell r="C10">
            <v>2050012372</v>
          </cell>
        </row>
        <row r="11">
          <cell r="C11">
            <v>2050013636</v>
          </cell>
        </row>
        <row r="12">
          <cell r="C12">
            <v>2050013917</v>
          </cell>
        </row>
        <row r="13">
          <cell r="C13">
            <v>2050014782</v>
          </cell>
        </row>
        <row r="14">
          <cell r="C14">
            <v>2050015060</v>
          </cell>
        </row>
        <row r="15">
          <cell r="C15">
            <v>2050015326</v>
          </cell>
        </row>
        <row r="16">
          <cell r="C16">
            <v>2050015326</v>
          </cell>
        </row>
        <row r="17">
          <cell r="C17">
            <v>2050015326</v>
          </cell>
        </row>
        <row r="18">
          <cell r="C18">
            <v>2050016399</v>
          </cell>
        </row>
        <row r="19">
          <cell r="C19">
            <v>2050016399</v>
          </cell>
        </row>
        <row r="20">
          <cell r="C20">
            <v>2050017173</v>
          </cell>
        </row>
        <row r="21">
          <cell r="C21">
            <v>2050018320</v>
          </cell>
        </row>
        <row r="22">
          <cell r="C22">
            <v>2050019807</v>
          </cell>
        </row>
        <row r="23">
          <cell r="C23">
            <v>2050020110</v>
          </cell>
        </row>
        <row r="24">
          <cell r="C24">
            <v>2050021571</v>
          </cell>
        </row>
        <row r="25">
          <cell r="C25">
            <v>2050021571</v>
          </cell>
        </row>
        <row r="26">
          <cell r="C26">
            <v>2050021613</v>
          </cell>
        </row>
        <row r="27">
          <cell r="C27">
            <v>2050022330</v>
          </cell>
        </row>
        <row r="28">
          <cell r="C28">
            <v>2050022330</v>
          </cell>
        </row>
        <row r="29">
          <cell r="C29">
            <v>2050022710</v>
          </cell>
        </row>
        <row r="30">
          <cell r="C30">
            <v>2050022884</v>
          </cell>
        </row>
        <row r="31">
          <cell r="C31">
            <v>2050023080</v>
          </cell>
        </row>
        <row r="32">
          <cell r="C32">
            <v>2050023080</v>
          </cell>
        </row>
        <row r="33">
          <cell r="C33">
            <v>2050025143</v>
          </cell>
        </row>
        <row r="34">
          <cell r="C34">
            <v>2050025382</v>
          </cell>
        </row>
        <row r="35">
          <cell r="C35">
            <v>2050025754</v>
          </cell>
        </row>
        <row r="36">
          <cell r="C36">
            <v>2050026117</v>
          </cell>
        </row>
        <row r="37">
          <cell r="C37">
            <v>2050026117</v>
          </cell>
        </row>
        <row r="38">
          <cell r="C38">
            <v>2050026281</v>
          </cell>
        </row>
        <row r="39">
          <cell r="C39">
            <v>2050026299</v>
          </cell>
        </row>
        <row r="40">
          <cell r="C40">
            <v>2050026299</v>
          </cell>
        </row>
        <row r="41">
          <cell r="C41">
            <v>2050026299</v>
          </cell>
        </row>
        <row r="42">
          <cell r="C42">
            <v>2050026299</v>
          </cell>
        </row>
        <row r="43">
          <cell r="C43">
            <v>2050027172</v>
          </cell>
        </row>
        <row r="44">
          <cell r="C44">
            <v>2050027669</v>
          </cell>
        </row>
        <row r="45">
          <cell r="C45">
            <v>2050029046</v>
          </cell>
        </row>
        <row r="46">
          <cell r="C46">
            <v>2050029046</v>
          </cell>
        </row>
        <row r="47">
          <cell r="C47">
            <v>2050029178</v>
          </cell>
        </row>
        <row r="48">
          <cell r="C48">
            <v>2050029772</v>
          </cell>
        </row>
        <row r="49">
          <cell r="C49">
            <v>2050030119</v>
          </cell>
        </row>
        <row r="50">
          <cell r="C50">
            <v>2050030119</v>
          </cell>
        </row>
        <row r="51">
          <cell r="C51">
            <v>2050030507</v>
          </cell>
        </row>
        <row r="52">
          <cell r="C52">
            <v>2050030507</v>
          </cell>
        </row>
        <row r="53">
          <cell r="C53">
            <v>2050030507</v>
          </cell>
        </row>
        <row r="54">
          <cell r="C54">
            <v>2050031018</v>
          </cell>
        </row>
        <row r="55">
          <cell r="C55">
            <v>2050031075</v>
          </cell>
        </row>
        <row r="56">
          <cell r="C56">
            <v>2050031539</v>
          </cell>
        </row>
        <row r="57">
          <cell r="C57">
            <v>2050031539</v>
          </cell>
        </row>
        <row r="58">
          <cell r="C58">
            <v>2050031919</v>
          </cell>
        </row>
        <row r="59">
          <cell r="C59">
            <v>2050032107</v>
          </cell>
        </row>
        <row r="60">
          <cell r="C60">
            <v>2050032107</v>
          </cell>
        </row>
        <row r="61">
          <cell r="C61">
            <v>2050032875</v>
          </cell>
        </row>
        <row r="62">
          <cell r="C62">
            <v>2050035357</v>
          </cell>
        </row>
        <row r="63">
          <cell r="C63">
            <v>2050035597</v>
          </cell>
        </row>
        <row r="64">
          <cell r="C64">
            <v>2050035753</v>
          </cell>
        </row>
        <row r="65">
          <cell r="C65">
            <v>2050036116</v>
          </cell>
        </row>
        <row r="66">
          <cell r="C66">
            <v>2050036447</v>
          </cell>
        </row>
        <row r="67">
          <cell r="C67">
            <v>2050037361</v>
          </cell>
        </row>
        <row r="68">
          <cell r="C68">
            <v>2050037361</v>
          </cell>
        </row>
        <row r="69">
          <cell r="C69">
            <v>2050037403</v>
          </cell>
        </row>
        <row r="70">
          <cell r="C70">
            <v>2050037643</v>
          </cell>
        </row>
        <row r="71">
          <cell r="C71">
            <v>2050038880</v>
          </cell>
        </row>
        <row r="72">
          <cell r="C72">
            <v>2050039219</v>
          </cell>
        </row>
        <row r="73">
          <cell r="C73">
            <v>2050039326</v>
          </cell>
        </row>
        <row r="74">
          <cell r="C74">
            <v>2050039599</v>
          </cell>
        </row>
        <row r="75">
          <cell r="C75">
            <v>2050039888</v>
          </cell>
        </row>
        <row r="76">
          <cell r="C76">
            <v>2050040605</v>
          </cell>
        </row>
        <row r="77">
          <cell r="C77">
            <v>2050040605</v>
          </cell>
        </row>
        <row r="78">
          <cell r="C78">
            <v>2050040647</v>
          </cell>
        </row>
        <row r="79">
          <cell r="C79">
            <v>2050040696</v>
          </cell>
        </row>
        <row r="80">
          <cell r="C80">
            <v>2050041124</v>
          </cell>
        </row>
        <row r="81">
          <cell r="C81">
            <v>2050041660</v>
          </cell>
        </row>
        <row r="82">
          <cell r="C82">
            <v>2050041843</v>
          </cell>
        </row>
        <row r="83">
          <cell r="C83">
            <v>2050042585</v>
          </cell>
        </row>
        <row r="84">
          <cell r="C84">
            <v>2050042692</v>
          </cell>
        </row>
        <row r="85">
          <cell r="C85">
            <v>2050043377</v>
          </cell>
        </row>
        <row r="86">
          <cell r="C86">
            <v>2050043674</v>
          </cell>
        </row>
        <row r="87">
          <cell r="C87">
            <v>2050043930</v>
          </cell>
        </row>
        <row r="88">
          <cell r="C88">
            <v>2050043930</v>
          </cell>
        </row>
        <row r="89">
          <cell r="C89">
            <v>2050043948</v>
          </cell>
        </row>
        <row r="90">
          <cell r="C90">
            <v>2050043948</v>
          </cell>
        </row>
        <row r="91">
          <cell r="C91">
            <v>2050044185</v>
          </cell>
        </row>
        <row r="92">
          <cell r="C92">
            <v>2050044185</v>
          </cell>
        </row>
        <row r="93">
          <cell r="C93">
            <v>2050044284</v>
          </cell>
        </row>
        <row r="94">
          <cell r="C94">
            <v>2050044284</v>
          </cell>
        </row>
        <row r="95">
          <cell r="C95">
            <v>2050044292</v>
          </cell>
        </row>
        <row r="96">
          <cell r="C96">
            <v>2050044524</v>
          </cell>
        </row>
        <row r="97">
          <cell r="C97">
            <v>2050045133</v>
          </cell>
        </row>
        <row r="98">
          <cell r="C98">
            <v>2050045489</v>
          </cell>
        </row>
        <row r="99">
          <cell r="C99">
            <v>2050045562</v>
          </cell>
        </row>
        <row r="100">
          <cell r="C100">
            <v>2050045562</v>
          </cell>
        </row>
        <row r="101">
          <cell r="C101">
            <v>2050045604</v>
          </cell>
        </row>
        <row r="102">
          <cell r="C102">
            <v>2050045604</v>
          </cell>
        </row>
        <row r="103">
          <cell r="C103">
            <v>2050046289</v>
          </cell>
        </row>
        <row r="104">
          <cell r="C104">
            <v>2050046537</v>
          </cell>
        </row>
        <row r="105">
          <cell r="C105">
            <v>2050046768</v>
          </cell>
        </row>
        <row r="106">
          <cell r="C106">
            <v>2050046792</v>
          </cell>
        </row>
        <row r="107">
          <cell r="C107">
            <v>2050047162</v>
          </cell>
        </row>
        <row r="108">
          <cell r="C108">
            <v>2050048293</v>
          </cell>
        </row>
        <row r="109">
          <cell r="C109">
            <v>2050048293</v>
          </cell>
        </row>
        <row r="110">
          <cell r="C110">
            <v>2050048392</v>
          </cell>
        </row>
        <row r="111">
          <cell r="C111">
            <v>2050048392</v>
          </cell>
        </row>
        <row r="112">
          <cell r="C112">
            <v>2050049085</v>
          </cell>
        </row>
        <row r="113">
          <cell r="C113">
            <v>2050049093</v>
          </cell>
        </row>
        <row r="114">
          <cell r="C114">
            <v>2050049093</v>
          </cell>
        </row>
        <row r="115">
          <cell r="C115">
            <v>2050049259</v>
          </cell>
        </row>
        <row r="116">
          <cell r="C116">
            <v>2050049515</v>
          </cell>
        </row>
        <row r="117">
          <cell r="C117">
            <v>2050049655</v>
          </cell>
        </row>
        <row r="118">
          <cell r="C118">
            <v>2050050968</v>
          </cell>
        </row>
        <row r="119">
          <cell r="C119">
            <v>2050050968</v>
          </cell>
        </row>
        <row r="120">
          <cell r="C120">
            <v>2050051099</v>
          </cell>
        </row>
        <row r="121">
          <cell r="C121">
            <v>2050051099</v>
          </cell>
        </row>
        <row r="122">
          <cell r="C122">
            <v>2050051099</v>
          </cell>
        </row>
        <row r="123">
          <cell r="C123">
            <v>2050051396</v>
          </cell>
        </row>
        <row r="124">
          <cell r="C124">
            <v>2050051396</v>
          </cell>
        </row>
        <row r="125">
          <cell r="C125">
            <v>2050051701</v>
          </cell>
        </row>
        <row r="126">
          <cell r="C126">
            <v>2050051701</v>
          </cell>
        </row>
        <row r="127">
          <cell r="C127">
            <v>2050051974</v>
          </cell>
        </row>
        <row r="128">
          <cell r="C128">
            <v>2050052147</v>
          </cell>
        </row>
        <row r="129">
          <cell r="C129">
            <v>2050052147</v>
          </cell>
        </row>
        <row r="130">
          <cell r="C130">
            <v>2050052311</v>
          </cell>
        </row>
        <row r="131">
          <cell r="C131">
            <v>2050054291</v>
          </cell>
        </row>
        <row r="132">
          <cell r="C132">
            <v>2050054507</v>
          </cell>
        </row>
        <row r="133">
          <cell r="C133">
            <v>2050054507</v>
          </cell>
        </row>
        <row r="134">
          <cell r="C134">
            <v>2050054978</v>
          </cell>
        </row>
        <row r="135">
          <cell r="C135">
            <v>2050056155</v>
          </cell>
        </row>
        <row r="136">
          <cell r="C136">
            <v>2050056155</v>
          </cell>
        </row>
        <row r="137">
          <cell r="C137">
            <v>2050057658</v>
          </cell>
        </row>
        <row r="138">
          <cell r="C138">
            <v>2050057815</v>
          </cell>
        </row>
        <row r="139">
          <cell r="C139">
            <v>2050057898</v>
          </cell>
        </row>
        <row r="140">
          <cell r="C140">
            <v>2050058102</v>
          </cell>
        </row>
        <row r="141">
          <cell r="C141">
            <v>2050058169</v>
          </cell>
        </row>
        <row r="142">
          <cell r="C142">
            <v>2050058250</v>
          </cell>
        </row>
        <row r="143">
          <cell r="C143">
            <v>2050058300</v>
          </cell>
        </row>
        <row r="144">
          <cell r="C144">
            <v>2050058300</v>
          </cell>
        </row>
        <row r="145">
          <cell r="C145">
            <v>2050058342</v>
          </cell>
        </row>
        <row r="146">
          <cell r="C146">
            <v>2050058342</v>
          </cell>
        </row>
        <row r="147">
          <cell r="C147">
            <v>2050058342</v>
          </cell>
        </row>
        <row r="148">
          <cell r="C148">
            <v>2050059035</v>
          </cell>
        </row>
        <row r="149">
          <cell r="C149">
            <v>2050059514</v>
          </cell>
        </row>
        <row r="150">
          <cell r="C150">
            <v>2050059514</v>
          </cell>
        </row>
        <row r="151">
          <cell r="C151">
            <v>2050059928</v>
          </cell>
        </row>
        <row r="152">
          <cell r="C152">
            <v>2050060009</v>
          </cell>
        </row>
        <row r="153">
          <cell r="C153">
            <v>2050060009</v>
          </cell>
        </row>
        <row r="154">
          <cell r="C154">
            <v>2050060421</v>
          </cell>
        </row>
        <row r="155">
          <cell r="C155">
            <v>2050060439</v>
          </cell>
        </row>
        <row r="156">
          <cell r="C156">
            <v>2050060934</v>
          </cell>
        </row>
        <row r="157">
          <cell r="C157">
            <v>2050060934</v>
          </cell>
        </row>
        <row r="158">
          <cell r="C158">
            <v>2050060934</v>
          </cell>
        </row>
        <row r="159">
          <cell r="C159">
            <v>2050060959</v>
          </cell>
        </row>
        <row r="160">
          <cell r="C160">
            <v>2050061353</v>
          </cell>
        </row>
        <row r="161">
          <cell r="C161">
            <v>2050061353</v>
          </cell>
        </row>
        <row r="162">
          <cell r="C162">
            <v>2050061445</v>
          </cell>
        </row>
        <row r="163">
          <cell r="C163">
            <v>2050061577</v>
          </cell>
        </row>
        <row r="164">
          <cell r="C164">
            <v>2050062120</v>
          </cell>
        </row>
        <row r="165">
          <cell r="C165">
            <v>2050062120</v>
          </cell>
        </row>
        <row r="166">
          <cell r="C166">
            <v>2050062609</v>
          </cell>
        </row>
        <row r="167">
          <cell r="C167">
            <v>2050062856</v>
          </cell>
        </row>
        <row r="168">
          <cell r="C168">
            <v>2050063029</v>
          </cell>
        </row>
        <row r="169">
          <cell r="C169">
            <v>2050063136</v>
          </cell>
        </row>
        <row r="170">
          <cell r="C170">
            <v>2050063680</v>
          </cell>
        </row>
        <row r="171">
          <cell r="C171">
            <v>2050063680</v>
          </cell>
        </row>
        <row r="172">
          <cell r="C172">
            <v>2050063995</v>
          </cell>
        </row>
        <row r="173">
          <cell r="C173">
            <v>2050064647</v>
          </cell>
        </row>
        <row r="174">
          <cell r="C174">
            <v>2050065636</v>
          </cell>
        </row>
        <row r="175">
          <cell r="C175">
            <v>2050066451</v>
          </cell>
        </row>
        <row r="176">
          <cell r="C176">
            <v>2050066451</v>
          </cell>
        </row>
        <row r="177">
          <cell r="C177">
            <v>2050066865</v>
          </cell>
        </row>
        <row r="178">
          <cell r="C178">
            <v>2050066998</v>
          </cell>
        </row>
        <row r="179">
          <cell r="C179">
            <v>2050067905</v>
          </cell>
        </row>
        <row r="180">
          <cell r="C180">
            <v>2050067905</v>
          </cell>
        </row>
        <row r="181">
          <cell r="C181">
            <v>2050068614</v>
          </cell>
        </row>
        <row r="182">
          <cell r="C182">
            <v>2050068614</v>
          </cell>
        </row>
        <row r="183">
          <cell r="C183">
            <v>2050069083</v>
          </cell>
        </row>
        <row r="184">
          <cell r="C184">
            <v>2050069083</v>
          </cell>
        </row>
        <row r="185">
          <cell r="C185">
            <v>2050069570</v>
          </cell>
        </row>
        <row r="186">
          <cell r="C186">
            <v>2050069570</v>
          </cell>
        </row>
        <row r="187">
          <cell r="C187">
            <v>2050069661</v>
          </cell>
        </row>
        <row r="188">
          <cell r="C188">
            <v>2050069661</v>
          </cell>
        </row>
        <row r="189">
          <cell r="C189">
            <v>2050070057</v>
          </cell>
        </row>
        <row r="190">
          <cell r="C190">
            <v>2050070297</v>
          </cell>
        </row>
        <row r="191">
          <cell r="C191">
            <v>2050070685</v>
          </cell>
        </row>
        <row r="192">
          <cell r="C192">
            <v>2050073093</v>
          </cell>
        </row>
        <row r="193">
          <cell r="C193">
            <v>2050073648</v>
          </cell>
        </row>
        <row r="194">
          <cell r="C194">
            <v>2050073820</v>
          </cell>
        </row>
        <row r="195">
          <cell r="C195">
            <v>2050073820</v>
          </cell>
        </row>
        <row r="196">
          <cell r="C196">
            <v>2050075577</v>
          </cell>
        </row>
        <row r="197">
          <cell r="C197">
            <v>2050075619</v>
          </cell>
        </row>
        <row r="198">
          <cell r="C198">
            <v>2050075619</v>
          </cell>
        </row>
        <row r="199">
          <cell r="C199">
            <v>2050076054</v>
          </cell>
        </row>
        <row r="200">
          <cell r="C200">
            <v>2050076161</v>
          </cell>
        </row>
        <row r="201">
          <cell r="C201">
            <v>2050076385</v>
          </cell>
        </row>
        <row r="202">
          <cell r="C202">
            <v>2050076385</v>
          </cell>
        </row>
        <row r="203">
          <cell r="C203">
            <v>2050076831</v>
          </cell>
        </row>
        <row r="204">
          <cell r="C204">
            <v>2050076831</v>
          </cell>
        </row>
        <row r="205">
          <cell r="C205">
            <v>2050076856</v>
          </cell>
        </row>
        <row r="206">
          <cell r="C206">
            <v>2050076856</v>
          </cell>
        </row>
        <row r="207">
          <cell r="C207">
            <v>2050076856</v>
          </cell>
        </row>
        <row r="208">
          <cell r="C208">
            <v>2050077888</v>
          </cell>
        </row>
        <row r="209">
          <cell r="C209">
            <v>2050078829</v>
          </cell>
        </row>
        <row r="210">
          <cell r="C210">
            <v>2050078829</v>
          </cell>
        </row>
        <row r="211">
          <cell r="C211">
            <v>2050086392</v>
          </cell>
        </row>
        <row r="212">
          <cell r="C212">
            <v>2050087317</v>
          </cell>
        </row>
        <row r="213">
          <cell r="C213">
            <v>2050087861</v>
          </cell>
        </row>
        <row r="214">
          <cell r="C214">
            <v>2050088653</v>
          </cell>
        </row>
        <row r="215">
          <cell r="C215">
            <v>2050090162</v>
          </cell>
        </row>
        <row r="216">
          <cell r="C216">
            <v>2050090162</v>
          </cell>
        </row>
        <row r="217">
          <cell r="C217">
            <v>2050090410</v>
          </cell>
        </row>
        <row r="218">
          <cell r="C218">
            <v>2050090410</v>
          </cell>
        </row>
        <row r="219">
          <cell r="C219">
            <v>2050090600</v>
          </cell>
        </row>
        <row r="220">
          <cell r="C220">
            <v>2050091210</v>
          </cell>
        </row>
        <row r="221">
          <cell r="C221">
            <v>2050091335</v>
          </cell>
        </row>
        <row r="222">
          <cell r="C222">
            <v>2050092374</v>
          </cell>
        </row>
        <row r="223">
          <cell r="C223">
            <v>2050092549</v>
          </cell>
        </row>
        <row r="224">
          <cell r="C224">
            <v>2050093117</v>
          </cell>
        </row>
        <row r="225">
          <cell r="C225">
            <v>2050093117</v>
          </cell>
        </row>
        <row r="226">
          <cell r="C226">
            <v>2050093463</v>
          </cell>
        </row>
        <row r="227">
          <cell r="C227">
            <v>2050093463</v>
          </cell>
        </row>
        <row r="228">
          <cell r="C228">
            <v>2050094099</v>
          </cell>
        </row>
        <row r="229">
          <cell r="C229">
            <v>2050094099</v>
          </cell>
        </row>
        <row r="230">
          <cell r="C230">
            <v>2050094834</v>
          </cell>
        </row>
        <row r="231">
          <cell r="C231">
            <v>2050098512</v>
          </cell>
        </row>
        <row r="232">
          <cell r="C232">
            <v>2050098512</v>
          </cell>
        </row>
        <row r="233">
          <cell r="C233">
            <v>2050098512</v>
          </cell>
        </row>
        <row r="234">
          <cell r="C234">
            <v>2050099395</v>
          </cell>
        </row>
        <row r="235">
          <cell r="C235">
            <v>2050099395</v>
          </cell>
        </row>
        <row r="236">
          <cell r="C236">
            <v>2050100276</v>
          </cell>
        </row>
        <row r="237">
          <cell r="C237">
            <v>2050100276</v>
          </cell>
        </row>
        <row r="238">
          <cell r="C238">
            <v>2050100672</v>
          </cell>
        </row>
        <row r="239">
          <cell r="C239">
            <v>2050100961</v>
          </cell>
        </row>
        <row r="240">
          <cell r="C240">
            <v>2050101373</v>
          </cell>
        </row>
        <row r="241">
          <cell r="C241">
            <v>2050103031</v>
          </cell>
        </row>
        <row r="242">
          <cell r="C242">
            <v>2050104815</v>
          </cell>
        </row>
        <row r="243">
          <cell r="C243">
            <v>2050104823</v>
          </cell>
        </row>
        <row r="244">
          <cell r="C244">
            <v>2050104823</v>
          </cell>
        </row>
        <row r="245">
          <cell r="C245">
            <v>2050104823</v>
          </cell>
        </row>
        <row r="246">
          <cell r="C246">
            <v>2050106687</v>
          </cell>
        </row>
        <row r="247">
          <cell r="C247">
            <v>2050106851</v>
          </cell>
        </row>
        <row r="248">
          <cell r="C248">
            <v>2050107586</v>
          </cell>
        </row>
        <row r="249">
          <cell r="C249">
            <v>2050108337</v>
          </cell>
        </row>
        <row r="250">
          <cell r="C250">
            <v>2050110945</v>
          </cell>
        </row>
        <row r="251">
          <cell r="C251">
            <v>2050111992</v>
          </cell>
        </row>
        <row r="252">
          <cell r="C252">
            <v>2050111992</v>
          </cell>
        </row>
        <row r="253">
          <cell r="C253">
            <v>2050111992</v>
          </cell>
        </row>
        <row r="254">
          <cell r="C254">
            <v>2050112743</v>
          </cell>
        </row>
        <row r="255">
          <cell r="C255">
            <v>2050112743</v>
          </cell>
        </row>
        <row r="256">
          <cell r="C256">
            <v>2050114087</v>
          </cell>
        </row>
        <row r="257">
          <cell r="C257">
            <v>2050114087</v>
          </cell>
        </row>
        <row r="258">
          <cell r="C258">
            <v>2050114210</v>
          </cell>
        </row>
        <row r="259">
          <cell r="C259">
            <v>2050114517</v>
          </cell>
        </row>
        <row r="260">
          <cell r="C260">
            <v>2050114558</v>
          </cell>
        </row>
        <row r="261">
          <cell r="C261">
            <v>2050115506</v>
          </cell>
        </row>
        <row r="262">
          <cell r="C262">
            <v>2050119631</v>
          </cell>
        </row>
        <row r="263">
          <cell r="C263">
            <v>2050119631</v>
          </cell>
        </row>
        <row r="264">
          <cell r="C264">
            <v>2050119631</v>
          </cell>
        </row>
        <row r="265">
          <cell r="C265">
            <v>2050121025</v>
          </cell>
        </row>
        <row r="266">
          <cell r="C266">
            <v>2050121025</v>
          </cell>
        </row>
        <row r="267">
          <cell r="C267">
            <v>2050126354</v>
          </cell>
        </row>
        <row r="268">
          <cell r="C268">
            <v>2050130174</v>
          </cell>
        </row>
        <row r="269">
          <cell r="C269">
            <v>2050130711</v>
          </cell>
        </row>
        <row r="270">
          <cell r="C270">
            <v>2050130943</v>
          </cell>
        </row>
        <row r="271">
          <cell r="C271">
            <v>2050130943</v>
          </cell>
        </row>
        <row r="272">
          <cell r="C272">
            <v>2050130943</v>
          </cell>
        </row>
        <row r="273">
          <cell r="C273">
            <v>2050131214</v>
          </cell>
        </row>
        <row r="274">
          <cell r="C274">
            <v>2050131214</v>
          </cell>
        </row>
        <row r="275">
          <cell r="C275">
            <v>2050135090</v>
          </cell>
        </row>
        <row r="276">
          <cell r="C276">
            <v>2050139373</v>
          </cell>
        </row>
        <row r="277">
          <cell r="C277">
            <v>2050146121</v>
          </cell>
        </row>
        <row r="278">
          <cell r="C278">
            <v>2050146188</v>
          </cell>
        </row>
        <row r="279">
          <cell r="C279">
            <v>2050146196</v>
          </cell>
        </row>
        <row r="280">
          <cell r="C280">
            <v>2050149620</v>
          </cell>
        </row>
        <row r="281">
          <cell r="C281">
            <v>3020000016</v>
          </cell>
        </row>
        <row r="282">
          <cell r="C282">
            <v>3020000244</v>
          </cell>
        </row>
        <row r="283">
          <cell r="C283">
            <v>3020000315</v>
          </cell>
        </row>
        <row r="284">
          <cell r="C284">
            <v>3020000351</v>
          </cell>
        </row>
        <row r="285">
          <cell r="C285">
            <v>3020000351</v>
          </cell>
        </row>
        <row r="286">
          <cell r="C286">
            <v>3020000351</v>
          </cell>
        </row>
        <row r="287">
          <cell r="C287">
            <v>3020000417</v>
          </cell>
        </row>
        <row r="288">
          <cell r="C288">
            <v>3020000444</v>
          </cell>
        </row>
        <row r="289">
          <cell r="C289">
            <v>3020000457</v>
          </cell>
        </row>
        <row r="290">
          <cell r="C290">
            <v>3020000510</v>
          </cell>
        </row>
        <row r="291">
          <cell r="C291">
            <v>3020000531</v>
          </cell>
        </row>
        <row r="292">
          <cell r="C292">
            <v>3020000669</v>
          </cell>
        </row>
        <row r="293">
          <cell r="C293">
            <v>3020000700</v>
          </cell>
        </row>
        <row r="294">
          <cell r="C294">
            <v>3020000700</v>
          </cell>
        </row>
        <row r="295">
          <cell r="C295">
            <v>3020000700</v>
          </cell>
        </row>
        <row r="296">
          <cell r="C296">
            <v>3020000818</v>
          </cell>
        </row>
        <row r="297">
          <cell r="C297">
            <v>3020000881</v>
          </cell>
        </row>
        <row r="298">
          <cell r="C298">
            <v>3020000881</v>
          </cell>
        </row>
        <row r="299">
          <cell r="C299">
            <v>3020000881</v>
          </cell>
        </row>
        <row r="300">
          <cell r="C300">
            <v>3020000958</v>
          </cell>
        </row>
        <row r="301">
          <cell r="C301">
            <v>3020001025</v>
          </cell>
        </row>
        <row r="302">
          <cell r="C302">
            <v>3020001072</v>
          </cell>
        </row>
        <row r="303">
          <cell r="C303">
            <v>3020001073</v>
          </cell>
        </row>
        <row r="304">
          <cell r="C304">
            <v>3020001154</v>
          </cell>
        </row>
        <row r="305">
          <cell r="C305">
            <v>3020001233</v>
          </cell>
        </row>
        <row r="306">
          <cell r="C306">
            <v>3020001326</v>
          </cell>
        </row>
        <row r="307">
          <cell r="C307">
            <v>3020001326</v>
          </cell>
        </row>
        <row r="308">
          <cell r="C308">
            <v>3020001343</v>
          </cell>
        </row>
        <row r="309">
          <cell r="C309">
            <v>3020001357</v>
          </cell>
        </row>
        <row r="310">
          <cell r="C310">
            <v>3020001357</v>
          </cell>
        </row>
        <row r="311">
          <cell r="C311">
            <v>3020001397</v>
          </cell>
        </row>
        <row r="312">
          <cell r="C312">
            <v>3020001397</v>
          </cell>
        </row>
        <row r="313">
          <cell r="C313">
            <v>3020001397</v>
          </cell>
        </row>
        <row r="314">
          <cell r="C314">
            <v>3020001456</v>
          </cell>
        </row>
        <row r="315">
          <cell r="C315">
            <v>3020001458</v>
          </cell>
        </row>
        <row r="316">
          <cell r="C316">
            <v>3020001471</v>
          </cell>
        </row>
        <row r="317">
          <cell r="C317">
            <v>3020001494</v>
          </cell>
        </row>
        <row r="318">
          <cell r="C318">
            <v>3020001553</v>
          </cell>
        </row>
        <row r="319">
          <cell r="C319">
            <v>3020001584</v>
          </cell>
        </row>
        <row r="320">
          <cell r="C320">
            <v>3020001764</v>
          </cell>
        </row>
        <row r="321">
          <cell r="C321">
            <v>3020001798</v>
          </cell>
        </row>
        <row r="322">
          <cell r="C322">
            <v>3020001798</v>
          </cell>
        </row>
        <row r="323">
          <cell r="C323">
            <v>3020001798</v>
          </cell>
        </row>
        <row r="324">
          <cell r="C324">
            <v>3020001886</v>
          </cell>
        </row>
        <row r="325">
          <cell r="C325">
            <v>3020001913</v>
          </cell>
        </row>
        <row r="326">
          <cell r="C326">
            <v>3020001913</v>
          </cell>
        </row>
        <row r="327">
          <cell r="C327">
            <v>3020001984</v>
          </cell>
        </row>
        <row r="328">
          <cell r="C328">
            <v>3020002018</v>
          </cell>
        </row>
        <row r="329">
          <cell r="C329">
            <v>3020002279</v>
          </cell>
        </row>
      </sheetData>
      <sheetData sheetId="4">
        <row r="2">
          <cell r="C2">
            <v>214</v>
          </cell>
        </row>
        <row r="3">
          <cell r="C3">
            <v>247</v>
          </cell>
        </row>
        <row r="4">
          <cell r="C4">
            <v>429</v>
          </cell>
        </row>
        <row r="5">
          <cell r="C5">
            <v>2050007851</v>
          </cell>
        </row>
        <row r="6">
          <cell r="C6">
            <v>2050007851</v>
          </cell>
        </row>
        <row r="7">
          <cell r="C7">
            <v>2050011259</v>
          </cell>
        </row>
        <row r="8">
          <cell r="C8">
            <v>2050011259</v>
          </cell>
        </row>
        <row r="9">
          <cell r="C9">
            <v>2050011440</v>
          </cell>
        </row>
        <row r="10">
          <cell r="C10">
            <v>2050012372</v>
          </cell>
        </row>
        <row r="11">
          <cell r="C11">
            <v>2050013636</v>
          </cell>
        </row>
        <row r="12">
          <cell r="C12">
            <v>2050013917</v>
          </cell>
        </row>
        <row r="13">
          <cell r="C13">
            <v>2050014782</v>
          </cell>
        </row>
        <row r="14">
          <cell r="C14">
            <v>2050015060</v>
          </cell>
        </row>
        <row r="15">
          <cell r="C15">
            <v>2050016399</v>
          </cell>
        </row>
        <row r="16">
          <cell r="C16">
            <v>2050016399</v>
          </cell>
        </row>
        <row r="17">
          <cell r="C17">
            <v>2050017173</v>
          </cell>
        </row>
        <row r="18">
          <cell r="C18">
            <v>2050018320</v>
          </cell>
        </row>
        <row r="19">
          <cell r="C19">
            <v>2050019807</v>
          </cell>
        </row>
        <row r="20">
          <cell r="C20">
            <v>2050020110</v>
          </cell>
        </row>
        <row r="21">
          <cell r="C21">
            <v>2050020284</v>
          </cell>
        </row>
        <row r="22">
          <cell r="C22">
            <v>2050020284</v>
          </cell>
        </row>
        <row r="23">
          <cell r="C23">
            <v>2050021571</v>
          </cell>
        </row>
        <row r="24">
          <cell r="C24">
            <v>2050021571</v>
          </cell>
        </row>
        <row r="25">
          <cell r="C25">
            <v>2050021613</v>
          </cell>
        </row>
        <row r="26">
          <cell r="C26">
            <v>2050022330</v>
          </cell>
        </row>
        <row r="27">
          <cell r="C27">
            <v>2050022330</v>
          </cell>
        </row>
        <row r="28">
          <cell r="C28">
            <v>2050022710</v>
          </cell>
        </row>
        <row r="29">
          <cell r="C29">
            <v>2050023080</v>
          </cell>
        </row>
        <row r="30">
          <cell r="C30">
            <v>2050023080</v>
          </cell>
        </row>
        <row r="31">
          <cell r="C31">
            <v>2050023197</v>
          </cell>
        </row>
        <row r="32">
          <cell r="C32">
            <v>2050023197</v>
          </cell>
        </row>
        <row r="33">
          <cell r="C33">
            <v>2050025143</v>
          </cell>
        </row>
        <row r="34">
          <cell r="C34">
            <v>2050025382</v>
          </cell>
        </row>
        <row r="35">
          <cell r="C35">
            <v>2050025754</v>
          </cell>
        </row>
        <row r="36">
          <cell r="C36">
            <v>2050026117</v>
          </cell>
        </row>
        <row r="37">
          <cell r="C37">
            <v>2050026117</v>
          </cell>
        </row>
        <row r="38">
          <cell r="C38">
            <v>2050026281</v>
          </cell>
        </row>
        <row r="39">
          <cell r="C39">
            <v>2050026281</v>
          </cell>
        </row>
        <row r="40">
          <cell r="C40">
            <v>2050026299</v>
          </cell>
        </row>
        <row r="41">
          <cell r="C41">
            <v>2050026299</v>
          </cell>
        </row>
        <row r="42">
          <cell r="C42">
            <v>2050026299</v>
          </cell>
        </row>
        <row r="43">
          <cell r="C43">
            <v>2050027172</v>
          </cell>
        </row>
        <row r="44">
          <cell r="C44">
            <v>2050027669</v>
          </cell>
        </row>
        <row r="45">
          <cell r="C45">
            <v>2050029046</v>
          </cell>
        </row>
        <row r="46">
          <cell r="C46">
            <v>2050029046</v>
          </cell>
        </row>
        <row r="47">
          <cell r="C47">
            <v>2050029178</v>
          </cell>
        </row>
        <row r="48">
          <cell r="C48">
            <v>2050029772</v>
          </cell>
        </row>
        <row r="49">
          <cell r="C49">
            <v>2050030119</v>
          </cell>
        </row>
        <row r="50">
          <cell r="C50">
            <v>2050030119</v>
          </cell>
        </row>
        <row r="51">
          <cell r="C51">
            <v>2050030374</v>
          </cell>
        </row>
        <row r="52">
          <cell r="C52">
            <v>2050030374</v>
          </cell>
        </row>
        <row r="53">
          <cell r="C53">
            <v>2050030507</v>
          </cell>
        </row>
        <row r="54">
          <cell r="C54">
            <v>2050030507</v>
          </cell>
        </row>
        <row r="55">
          <cell r="C55">
            <v>2050030507</v>
          </cell>
        </row>
        <row r="56">
          <cell r="C56">
            <v>2050031018</v>
          </cell>
        </row>
        <row r="57">
          <cell r="C57">
            <v>2050031075</v>
          </cell>
        </row>
        <row r="58">
          <cell r="C58">
            <v>2050031539</v>
          </cell>
        </row>
        <row r="59">
          <cell r="C59">
            <v>2050031539</v>
          </cell>
        </row>
        <row r="60">
          <cell r="C60">
            <v>2050031919</v>
          </cell>
        </row>
        <row r="61">
          <cell r="C61">
            <v>2050032107</v>
          </cell>
        </row>
        <row r="62">
          <cell r="C62">
            <v>2050032107</v>
          </cell>
        </row>
        <row r="63">
          <cell r="C63">
            <v>2050032875</v>
          </cell>
        </row>
        <row r="64">
          <cell r="C64">
            <v>2050035357</v>
          </cell>
        </row>
        <row r="65">
          <cell r="C65">
            <v>2050035597</v>
          </cell>
        </row>
        <row r="66">
          <cell r="C66">
            <v>2050035753</v>
          </cell>
        </row>
        <row r="67">
          <cell r="C67">
            <v>2050036447</v>
          </cell>
        </row>
        <row r="68">
          <cell r="C68">
            <v>2050037361</v>
          </cell>
        </row>
        <row r="69">
          <cell r="C69">
            <v>2050037361</v>
          </cell>
        </row>
        <row r="70">
          <cell r="C70">
            <v>2050037403</v>
          </cell>
        </row>
        <row r="71">
          <cell r="C71">
            <v>2050037643</v>
          </cell>
        </row>
        <row r="72">
          <cell r="C72">
            <v>2050038880</v>
          </cell>
        </row>
        <row r="73">
          <cell r="C73">
            <v>2050039219</v>
          </cell>
        </row>
        <row r="74">
          <cell r="C74">
            <v>2050039326</v>
          </cell>
        </row>
        <row r="75">
          <cell r="C75">
            <v>2050039599</v>
          </cell>
        </row>
        <row r="76">
          <cell r="C76">
            <v>2050039888</v>
          </cell>
        </row>
        <row r="77">
          <cell r="C77">
            <v>2050040605</v>
          </cell>
        </row>
        <row r="78">
          <cell r="C78">
            <v>2050040605</v>
          </cell>
        </row>
        <row r="79">
          <cell r="C79">
            <v>2050040696</v>
          </cell>
        </row>
        <row r="80">
          <cell r="C80">
            <v>2050040787</v>
          </cell>
        </row>
        <row r="81">
          <cell r="C81">
            <v>2050041124</v>
          </cell>
        </row>
        <row r="82">
          <cell r="C82">
            <v>2050041660</v>
          </cell>
        </row>
        <row r="83">
          <cell r="C83">
            <v>2050042585</v>
          </cell>
        </row>
        <row r="84">
          <cell r="C84">
            <v>2050042692</v>
          </cell>
        </row>
        <row r="85">
          <cell r="C85">
            <v>2050043377</v>
          </cell>
        </row>
        <row r="86">
          <cell r="C86">
            <v>2050043930</v>
          </cell>
        </row>
        <row r="87">
          <cell r="C87">
            <v>2050043930</v>
          </cell>
        </row>
        <row r="88">
          <cell r="C88">
            <v>2050043948</v>
          </cell>
        </row>
        <row r="89">
          <cell r="C89">
            <v>2050044185</v>
          </cell>
        </row>
        <row r="90">
          <cell r="C90">
            <v>2050044185</v>
          </cell>
        </row>
        <row r="91">
          <cell r="C91">
            <v>2050044284</v>
          </cell>
        </row>
        <row r="92">
          <cell r="C92">
            <v>2050044284</v>
          </cell>
        </row>
        <row r="93">
          <cell r="C93">
            <v>2050044292</v>
          </cell>
        </row>
        <row r="94">
          <cell r="C94">
            <v>2050044524</v>
          </cell>
        </row>
        <row r="95">
          <cell r="C95">
            <v>2050045133</v>
          </cell>
        </row>
        <row r="96">
          <cell r="C96">
            <v>2050045489</v>
          </cell>
        </row>
        <row r="97">
          <cell r="C97">
            <v>2050045562</v>
          </cell>
        </row>
        <row r="98">
          <cell r="C98">
            <v>2050045562</v>
          </cell>
        </row>
        <row r="99">
          <cell r="C99">
            <v>2050045604</v>
          </cell>
        </row>
        <row r="100">
          <cell r="C100">
            <v>2050045604</v>
          </cell>
        </row>
        <row r="101">
          <cell r="C101">
            <v>2050046008</v>
          </cell>
        </row>
        <row r="102">
          <cell r="C102">
            <v>2050046289</v>
          </cell>
        </row>
        <row r="103">
          <cell r="C103">
            <v>2050046537</v>
          </cell>
        </row>
        <row r="104">
          <cell r="C104">
            <v>2050046768</v>
          </cell>
        </row>
        <row r="105">
          <cell r="C105">
            <v>2050046792</v>
          </cell>
        </row>
        <row r="106">
          <cell r="C106">
            <v>2050047162</v>
          </cell>
        </row>
        <row r="107">
          <cell r="C107">
            <v>2050048293</v>
          </cell>
        </row>
        <row r="108">
          <cell r="C108">
            <v>2050048293</v>
          </cell>
        </row>
        <row r="109">
          <cell r="C109">
            <v>2050049085</v>
          </cell>
        </row>
        <row r="110">
          <cell r="C110">
            <v>2050049093</v>
          </cell>
        </row>
        <row r="111">
          <cell r="C111">
            <v>2050049093</v>
          </cell>
        </row>
        <row r="112">
          <cell r="C112">
            <v>2050049259</v>
          </cell>
        </row>
        <row r="113">
          <cell r="C113">
            <v>2050049655</v>
          </cell>
        </row>
        <row r="114">
          <cell r="C114">
            <v>2050050968</v>
          </cell>
        </row>
        <row r="115">
          <cell r="C115">
            <v>2050050968</v>
          </cell>
        </row>
        <row r="116">
          <cell r="C116">
            <v>2050051099</v>
          </cell>
        </row>
        <row r="117">
          <cell r="C117">
            <v>2050051099</v>
          </cell>
        </row>
        <row r="118">
          <cell r="C118">
            <v>2050051099</v>
          </cell>
        </row>
        <row r="119">
          <cell r="C119">
            <v>2050051396</v>
          </cell>
        </row>
        <row r="120">
          <cell r="C120">
            <v>2050051396</v>
          </cell>
        </row>
        <row r="121">
          <cell r="C121">
            <v>2050051701</v>
          </cell>
        </row>
        <row r="122">
          <cell r="C122">
            <v>2050051701</v>
          </cell>
        </row>
        <row r="123">
          <cell r="C123">
            <v>2050051974</v>
          </cell>
        </row>
        <row r="124">
          <cell r="C124">
            <v>2050052147</v>
          </cell>
        </row>
        <row r="125">
          <cell r="C125">
            <v>2050052147</v>
          </cell>
        </row>
        <row r="126">
          <cell r="C126">
            <v>2050052311</v>
          </cell>
        </row>
        <row r="127">
          <cell r="C127">
            <v>2050054291</v>
          </cell>
        </row>
        <row r="128">
          <cell r="C128">
            <v>2050054978</v>
          </cell>
        </row>
        <row r="129">
          <cell r="C129">
            <v>2050056155</v>
          </cell>
        </row>
        <row r="130">
          <cell r="C130">
            <v>2050056155</v>
          </cell>
        </row>
        <row r="131">
          <cell r="C131">
            <v>2050057658</v>
          </cell>
        </row>
        <row r="132">
          <cell r="C132">
            <v>2050057815</v>
          </cell>
        </row>
        <row r="133">
          <cell r="C133">
            <v>2050057898</v>
          </cell>
        </row>
        <row r="134">
          <cell r="C134">
            <v>2050058102</v>
          </cell>
        </row>
        <row r="135">
          <cell r="C135">
            <v>2050058169</v>
          </cell>
        </row>
        <row r="136">
          <cell r="C136">
            <v>2050058250</v>
          </cell>
        </row>
        <row r="137">
          <cell r="C137">
            <v>2050058300</v>
          </cell>
        </row>
        <row r="138">
          <cell r="C138">
            <v>2050058300</v>
          </cell>
        </row>
        <row r="139">
          <cell r="C139">
            <v>2050058342</v>
          </cell>
        </row>
        <row r="140">
          <cell r="C140">
            <v>2050058342</v>
          </cell>
        </row>
        <row r="141">
          <cell r="C141">
            <v>2050058342</v>
          </cell>
        </row>
        <row r="142">
          <cell r="C142">
            <v>2050059035</v>
          </cell>
        </row>
        <row r="143">
          <cell r="C143">
            <v>2050059514</v>
          </cell>
        </row>
        <row r="144">
          <cell r="C144">
            <v>2050059514</v>
          </cell>
        </row>
        <row r="145">
          <cell r="C145">
            <v>2050059928</v>
          </cell>
        </row>
        <row r="146">
          <cell r="C146">
            <v>2050060009</v>
          </cell>
        </row>
        <row r="147">
          <cell r="C147">
            <v>2050060009</v>
          </cell>
        </row>
        <row r="148">
          <cell r="C148">
            <v>2050060421</v>
          </cell>
        </row>
        <row r="149">
          <cell r="C149">
            <v>2050060439</v>
          </cell>
        </row>
        <row r="150">
          <cell r="C150">
            <v>2050060934</v>
          </cell>
        </row>
        <row r="151">
          <cell r="C151">
            <v>2050060934</v>
          </cell>
        </row>
        <row r="152">
          <cell r="C152">
            <v>2050060934</v>
          </cell>
        </row>
        <row r="153">
          <cell r="C153">
            <v>2050060959</v>
          </cell>
        </row>
        <row r="154">
          <cell r="C154">
            <v>2050061353</v>
          </cell>
        </row>
        <row r="155">
          <cell r="C155">
            <v>2050061353</v>
          </cell>
        </row>
        <row r="156">
          <cell r="C156">
            <v>2050061445</v>
          </cell>
        </row>
        <row r="157">
          <cell r="C157">
            <v>2050061577</v>
          </cell>
        </row>
        <row r="158">
          <cell r="C158">
            <v>2050062120</v>
          </cell>
        </row>
        <row r="159">
          <cell r="C159">
            <v>2050062120</v>
          </cell>
        </row>
        <row r="160">
          <cell r="C160">
            <v>2050062609</v>
          </cell>
        </row>
        <row r="161">
          <cell r="C161">
            <v>2050062856</v>
          </cell>
        </row>
        <row r="162">
          <cell r="C162">
            <v>2050063029</v>
          </cell>
        </row>
        <row r="163">
          <cell r="C163">
            <v>2050063136</v>
          </cell>
        </row>
        <row r="164">
          <cell r="C164">
            <v>2050063680</v>
          </cell>
        </row>
        <row r="165">
          <cell r="C165">
            <v>2050063680</v>
          </cell>
        </row>
        <row r="166">
          <cell r="C166">
            <v>2050063995</v>
          </cell>
        </row>
        <row r="167">
          <cell r="C167">
            <v>2050064647</v>
          </cell>
        </row>
        <row r="168">
          <cell r="C168">
            <v>2050065636</v>
          </cell>
        </row>
        <row r="169">
          <cell r="C169">
            <v>2050066337</v>
          </cell>
        </row>
        <row r="170">
          <cell r="C170">
            <v>2050066451</v>
          </cell>
        </row>
        <row r="171">
          <cell r="C171">
            <v>2050066451</v>
          </cell>
        </row>
        <row r="172">
          <cell r="C172">
            <v>2050066865</v>
          </cell>
        </row>
        <row r="173">
          <cell r="C173">
            <v>2050066998</v>
          </cell>
        </row>
        <row r="174">
          <cell r="C174">
            <v>2050067905</v>
          </cell>
        </row>
        <row r="175">
          <cell r="C175">
            <v>2050068614</v>
          </cell>
        </row>
        <row r="176">
          <cell r="C176">
            <v>2050068614</v>
          </cell>
        </row>
        <row r="177">
          <cell r="C177">
            <v>2050069083</v>
          </cell>
        </row>
        <row r="178">
          <cell r="C178">
            <v>2050069083</v>
          </cell>
        </row>
        <row r="179">
          <cell r="C179">
            <v>2050069570</v>
          </cell>
        </row>
        <row r="180">
          <cell r="C180">
            <v>2050069570</v>
          </cell>
        </row>
        <row r="181">
          <cell r="C181">
            <v>2050069661</v>
          </cell>
        </row>
        <row r="182">
          <cell r="C182">
            <v>2050069661</v>
          </cell>
        </row>
        <row r="183">
          <cell r="C183">
            <v>2050070057</v>
          </cell>
        </row>
        <row r="184">
          <cell r="C184">
            <v>2050070297</v>
          </cell>
        </row>
        <row r="185">
          <cell r="C185">
            <v>2050070685</v>
          </cell>
        </row>
        <row r="186">
          <cell r="C186">
            <v>2050073093</v>
          </cell>
        </row>
        <row r="187">
          <cell r="C187">
            <v>2050073648</v>
          </cell>
        </row>
        <row r="188">
          <cell r="C188">
            <v>2050073820</v>
          </cell>
        </row>
        <row r="189">
          <cell r="C189">
            <v>2050073820</v>
          </cell>
        </row>
        <row r="190">
          <cell r="C190">
            <v>2050075577</v>
          </cell>
        </row>
        <row r="191">
          <cell r="C191">
            <v>2050075619</v>
          </cell>
        </row>
        <row r="192">
          <cell r="C192">
            <v>2050075619</v>
          </cell>
        </row>
        <row r="193">
          <cell r="C193">
            <v>2050076054</v>
          </cell>
        </row>
        <row r="194">
          <cell r="C194">
            <v>2050076161</v>
          </cell>
        </row>
        <row r="195">
          <cell r="C195">
            <v>2050076385</v>
          </cell>
        </row>
        <row r="196">
          <cell r="C196">
            <v>2050076385</v>
          </cell>
        </row>
        <row r="197">
          <cell r="C197">
            <v>2050076831</v>
          </cell>
        </row>
        <row r="198">
          <cell r="C198">
            <v>2050076831</v>
          </cell>
        </row>
        <row r="199">
          <cell r="C199">
            <v>2050076856</v>
          </cell>
        </row>
        <row r="200">
          <cell r="C200">
            <v>2050076856</v>
          </cell>
        </row>
        <row r="201">
          <cell r="C201">
            <v>2050076856</v>
          </cell>
        </row>
        <row r="202">
          <cell r="C202">
            <v>2050077888</v>
          </cell>
        </row>
        <row r="203">
          <cell r="C203">
            <v>2050078829</v>
          </cell>
        </row>
        <row r="204">
          <cell r="C204">
            <v>2050078829</v>
          </cell>
        </row>
        <row r="205">
          <cell r="C205">
            <v>2050085907</v>
          </cell>
        </row>
        <row r="206">
          <cell r="C206">
            <v>2050086392</v>
          </cell>
        </row>
        <row r="207">
          <cell r="C207">
            <v>2050087317</v>
          </cell>
        </row>
        <row r="208">
          <cell r="C208">
            <v>2050087861</v>
          </cell>
        </row>
        <row r="209">
          <cell r="C209">
            <v>2050088653</v>
          </cell>
        </row>
        <row r="210">
          <cell r="C210">
            <v>2050090162</v>
          </cell>
        </row>
        <row r="211">
          <cell r="C211">
            <v>2050090162</v>
          </cell>
        </row>
        <row r="212">
          <cell r="C212">
            <v>2050090410</v>
          </cell>
        </row>
        <row r="213">
          <cell r="C213">
            <v>2050090410</v>
          </cell>
        </row>
        <row r="214">
          <cell r="C214">
            <v>2050090600</v>
          </cell>
        </row>
        <row r="215">
          <cell r="C215">
            <v>2050091335</v>
          </cell>
        </row>
        <row r="216">
          <cell r="C216">
            <v>2050092374</v>
          </cell>
        </row>
        <row r="217">
          <cell r="C217">
            <v>2050092549</v>
          </cell>
        </row>
        <row r="218">
          <cell r="C218">
            <v>2050093117</v>
          </cell>
        </row>
        <row r="219">
          <cell r="C219">
            <v>2050093117</v>
          </cell>
        </row>
        <row r="220">
          <cell r="C220">
            <v>2050093463</v>
          </cell>
        </row>
        <row r="221">
          <cell r="C221">
            <v>2050093463</v>
          </cell>
        </row>
        <row r="222">
          <cell r="C222">
            <v>2050094099</v>
          </cell>
        </row>
        <row r="223">
          <cell r="C223">
            <v>2050094099</v>
          </cell>
        </row>
        <row r="224">
          <cell r="C224">
            <v>2050094834</v>
          </cell>
        </row>
        <row r="225">
          <cell r="C225">
            <v>2050097126</v>
          </cell>
        </row>
        <row r="226">
          <cell r="C226">
            <v>2050098512</v>
          </cell>
        </row>
        <row r="227">
          <cell r="C227">
            <v>2050098512</v>
          </cell>
        </row>
        <row r="228">
          <cell r="C228">
            <v>2050098512</v>
          </cell>
        </row>
        <row r="229">
          <cell r="C229">
            <v>2050099163</v>
          </cell>
        </row>
        <row r="230">
          <cell r="C230">
            <v>2050099163</v>
          </cell>
        </row>
        <row r="231">
          <cell r="C231">
            <v>2050099395</v>
          </cell>
        </row>
        <row r="232">
          <cell r="C232">
            <v>2050099395</v>
          </cell>
        </row>
        <row r="233">
          <cell r="C233">
            <v>2050100276</v>
          </cell>
        </row>
        <row r="234">
          <cell r="C234">
            <v>2050100276</v>
          </cell>
        </row>
        <row r="235">
          <cell r="C235">
            <v>2050100672</v>
          </cell>
        </row>
        <row r="236">
          <cell r="C236">
            <v>2050100961</v>
          </cell>
        </row>
        <row r="237">
          <cell r="C237">
            <v>2050100961</v>
          </cell>
        </row>
        <row r="238">
          <cell r="C238">
            <v>2050101373</v>
          </cell>
        </row>
        <row r="239">
          <cell r="C239">
            <v>2050103031</v>
          </cell>
        </row>
        <row r="240">
          <cell r="C240">
            <v>2050104815</v>
          </cell>
        </row>
        <row r="241">
          <cell r="C241">
            <v>2050104823</v>
          </cell>
        </row>
        <row r="242">
          <cell r="C242">
            <v>2050104823</v>
          </cell>
        </row>
        <row r="243">
          <cell r="C243">
            <v>2050104823</v>
          </cell>
        </row>
        <row r="244">
          <cell r="C244">
            <v>2050106687</v>
          </cell>
        </row>
        <row r="245">
          <cell r="C245">
            <v>2050106851</v>
          </cell>
        </row>
        <row r="246">
          <cell r="C246">
            <v>2050107586</v>
          </cell>
        </row>
        <row r="247">
          <cell r="C247">
            <v>2050108337</v>
          </cell>
        </row>
        <row r="248">
          <cell r="C248">
            <v>2050110945</v>
          </cell>
        </row>
        <row r="249">
          <cell r="C249">
            <v>2050111992</v>
          </cell>
        </row>
        <row r="250">
          <cell r="C250">
            <v>2050111992</v>
          </cell>
        </row>
        <row r="251">
          <cell r="C251">
            <v>2050111992</v>
          </cell>
        </row>
        <row r="252">
          <cell r="C252">
            <v>2050112743</v>
          </cell>
        </row>
        <row r="253">
          <cell r="C253">
            <v>2050112743</v>
          </cell>
        </row>
        <row r="254">
          <cell r="C254">
            <v>2050114087</v>
          </cell>
        </row>
        <row r="255">
          <cell r="C255">
            <v>2050114087</v>
          </cell>
        </row>
        <row r="256">
          <cell r="C256">
            <v>2050114210</v>
          </cell>
        </row>
        <row r="257">
          <cell r="C257">
            <v>2050114517</v>
          </cell>
        </row>
        <row r="258">
          <cell r="C258">
            <v>2050114558</v>
          </cell>
        </row>
        <row r="259">
          <cell r="C259">
            <v>2050115506</v>
          </cell>
        </row>
        <row r="260">
          <cell r="C260">
            <v>2050119631</v>
          </cell>
        </row>
        <row r="261">
          <cell r="C261">
            <v>2050119631</v>
          </cell>
        </row>
        <row r="262">
          <cell r="C262">
            <v>2050119631</v>
          </cell>
        </row>
        <row r="263">
          <cell r="C263">
            <v>2050121025</v>
          </cell>
        </row>
        <row r="264">
          <cell r="C264">
            <v>2050121025</v>
          </cell>
        </row>
        <row r="265">
          <cell r="C265">
            <v>2050126354</v>
          </cell>
        </row>
        <row r="266">
          <cell r="C266">
            <v>2050130174</v>
          </cell>
        </row>
        <row r="267">
          <cell r="C267">
            <v>2050130711</v>
          </cell>
        </row>
        <row r="268">
          <cell r="C268">
            <v>2050130943</v>
          </cell>
        </row>
        <row r="269">
          <cell r="C269">
            <v>2050130943</v>
          </cell>
        </row>
        <row r="270">
          <cell r="C270">
            <v>2050130943</v>
          </cell>
        </row>
        <row r="271">
          <cell r="C271">
            <v>2050131214</v>
          </cell>
        </row>
        <row r="272">
          <cell r="C272">
            <v>2050131214</v>
          </cell>
        </row>
        <row r="273">
          <cell r="C273">
            <v>2050135090</v>
          </cell>
        </row>
        <row r="274">
          <cell r="C274">
            <v>2050139373</v>
          </cell>
        </row>
        <row r="275">
          <cell r="C275">
            <v>2050146121</v>
          </cell>
        </row>
        <row r="276">
          <cell r="C276">
            <v>2050146188</v>
          </cell>
        </row>
        <row r="277">
          <cell r="C277">
            <v>2050146196</v>
          </cell>
        </row>
        <row r="278">
          <cell r="C278">
            <v>2050149620</v>
          </cell>
        </row>
        <row r="279">
          <cell r="C279">
            <v>2050150768</v>
          </cell>
        </row>
        <row r="280">
          <cell r="C280">
            <v>3020000016</v>
          </cell>
        </row>
        <row r="281">
          <cell r="C281">
            <v>3020000244</v>
          </cell>
        </row>
        <row r="282">
          <cell r="C282">
            <v>3020000270</v>
          </cell>
        </row>
        <row r="283">
          <cell r="C283">
            <v>3020000315</v>
          </cell>
        </row>
        <row r="284">
          <cell r="C284">
            <v>3020000351</v>
          </cell>
        </row>
        <row r="285">
          <cell r="C285">
            <v>3020000351</v>
          </cell>
        </row>
        <row r="286">
          <cell r="C286">
            <v>3020000351</v>
          </cell>
        </row>
        <row r="287">
          <cell r="C287">
            <v>3020000417</v>
          </cell>
        </row>
        <row r="288">
          <cell r="C288">
            <v>3020000444</v>
          </cell>
        </row>
        <row r="289">
          <cell r="C289">
            <v>3020000449</v>
          </cell>
        </row>
        <row r="290">
          <cell r="C290">
            <v>3020000449</v>
          </cell>
        </row>
        <row r="291">
          <cell r="C291">
            <v>3020000510</v>
          </cell>
        </row>
        <row r="292">
          <cell r="C292">
            <v>3020000531</v>
          </cell>
        </row>
        <row r="293">
          <cell r="C293">
            <v>3020000669</v>
          </cell>
        </row>
        <row r="294">
          <cell r="C294">
            <v>3020000700</v>
          </cell>
        </row>
        <row r="295">
          <cell r="C295">
            <v>3020000700</v>
          </cell>
        </row>
        <row r="296">
          <cell r="C296">
            <v>3020000700</v>
          </cell>
        </row>
        <row r="297">
          <cell r="C297">
            <v>3020000818</v>
          </cell>
        </row>
        <row r="298">
          <cell r="C298">
            <v>3020000958</v>
          </cell>
        </row>
        <row r="299">
          <cell r="C299">
            <v>3020001025</v>
          </cell>
        </row>
        <row r="300">
          <cell r="C300">
            <v>3020001072</v>
          </cell>
        </row>
        <row r="301">
          <cell r="C301">
            <v>3020001073</v>
          </cell>
        </row>
        <row r="302">
          <cell r="C302">
            <v>3020001154</v>
          </cell>
        </row>
        <row r="303">
          <cell r="C303">
            <v>3020001326</v>
          </cell>
        </row>
        <row r="304">
          <cell r="C304">
            <v>3020001326</v>
          </cell>
        </row>
        <row r="305">
          <cell r="C305">
            <v>3020001343</v>
          </cell>
        </row>
        <row r="306">
          <cell r="C306">
            <v>3020001357</v>
          </cell>
        </row>
        <row r="307">
          <cell r="C307">
            <v>3020001357</v>
          </cell>
        </row>
        <row r="308">
          <cell r="C308">
            <v>3020001373</v>
          </cell>
        </row>
        <row r="309">
          <cell r="C309">
            <v>3020001373</v>
          </cell>
        </row>
        <row r="310">
          <cell r="C310">
            <v>3020001397</v>
          </cell>
        </row>
        <row r="311">
          <cell r="C311">
            <v>3020001397</v>
          </cell>
        </row>
        <row r="312">
          <cell r="C312">
            <v>3020001397</v>
          </cell>
        </row>
        <row r="313">
          <cell r="C313">
            <v>3020001446</v>
          </cell>
        </row>
        <row r="314">
          <cell r="C314">
            <v>3020001456</v>
          </cell>
        </row>
        <row r="315">
          <cell r="C315">
            <v>3020001458</v>
          </cell>
        </row>
        <row r="316">
          <cell r="C316">
            <v>3020001471</v>
          </cell>
        </row>
        <row r="317">
          <cell r="C317">
            <v>3020001494</v>
          </cell>
        </row>
        <row r="318">
          <cell r="C318">
            <v>3020001553</v>
          </cell>
        </row>
        <row r="319">
          <cell r="C319">
            <v>3020001584</v>
          </cell>
        </row>
        <row r="320">
          <cell r="C320">
            <v>3020001764</v>
          </cell>
        </row>
        <row r="321">
          <cell r="C321">
            <v>3020001798</v>
          </cell>
        </row>
        <row r="322">
          <cell r="C322">
            <v>3020001798</v>
          </cell>
        </row>
        <row r="323">
          <cell r="C323">
            <v>3020001798</v>
          </cell>
        </row>
        <row r="324">
          <cell r="C324">
            <v>3020001886</v>
          </cell>
        </row>
        <row r="325">
          <cell r="C325">
            <v>3020001913</v>
          </cell>
        </row>
        <row r="326">
          <cell r="C326">
            <v>3020001913</v>
          </cell>
        </row>
        <row r="327">
          <cell r="C327">
            <v>3020001984</v>
          </cell>
        </row>
        <row r="328">
          <cell r="C328">
            <v>3020002018</v>
          </cell>
        </row>
        <row r="329">
          <cell r="C329">
            <v>3020002279</v>
          </cell>
        </row>
      </sheetData>
      <sheetData sheetId="5">
        <row r="2">
          <cell r="C2">
            <v>214</v>
          </cell>
        </row>
        <row r="3">
          <cell r="C3">
            <v>429</v>
          </cell>
        </row>
        <row r="4">
          <cell r="C4">
            <v>492</v>
          </cell>
        </row>
        <row r="5">
          <cell r="C5">
            <v>2050007851</v>
          </cell>
        </row>
        <row r="6">
          <cell r="C6">
            <v>2050007851</v>
          </cell>
        </row>
        <row r="7">
          <cell r="C7">
            <v>2050011259</v>
          </cell>
        </row>
        <row r="8">
          <cell r="C8">
            <v>2050011259</v>
          </cell>
        </row>
        <row r="9">
          <cell r="C9">
            <v>2050011440</v>
          </cell>
        </row>
        <row r="10">
          <cell r="C10">
            <v>2050012372</v>
          </cell>
        </row>
        <row r="11">
          <cell r="C11">
            <v>2050013636</v>
          </cell>
        </row>
        <row r="12">
          <cell r="C12">
            <v>2050014782</v>
          </cell>
        </row>
        <row r="13">
          <cell r="C13">
            <v>2050015060</v>
          </cell>
        </row>
        <row r="14">
          <cell r="C14">
            <v>2050016399</v>
          </cell>
        </row>
        <row r="15">
          <cell r="C15">
            <v>2050016399</v>
          </cell>
        </row>
        <row r="16">
          <cell r="C16">
            <v>2050017173</v>
          </cell>
        </row>
        <row r="17">
          <cell r="C17">
            <v>2050018320</v>
          </cell>
        </row>
        <row r="18">
          <cell r="C18">
            <v>2050019807</v>
          </cell>
        </row>
        <row r="19">
          <cell r="C19">
            <v>2050020110</v>
          </cell>
        </row>
        <row r="20">
          <cell r="C20">
            <v>2050020284</v>
          </cell>
        </row>
        <row r="21">
          <cell r="C21">
            <v>2050020284</v>
          </cell>
        </row>
        <row r="22">
          <cell r="C22">
            <v>2050021571</v>
          </cell>
        </row>
        <row r="23">
          <cell r="C23">
            <v>2050021571</v>
          </cell>
        </row>
        <row r="24">
          <cell r="C24">
            <v>2050021613</v>
          </cell>
        </row>
        <row r="25">
          <cell r="C25">
            <v>2050022330</v>
          </cell>
        </row>
        <row r="26">
          <cell r="C26">
            <v>2050022330</v>
          </cell>
        </row>
        <row r="27">
          <cell r="C27">
            <v>2050022330</v>
          </cell>
        </row>
        <row r="28">
          <cell r="C28">
            <v>2050022710</v>
          </cell>
        </row>
        <row r="29">
          <cell r="C29">
            <v>2050023080</v>
          </cell>
        </row>
        <row r="30">
          <cell r="C30">
            <v>2050023080</v>
          </cell>
        </row>
        <row r="31">
          <cell r="C31">
            <v>2050023197</v>
          </cell>
        </row>
        <row r="32">
          <cell r="C32">
            <v>2050023197</v>
          </cell>
        </row>
        <row r="33">
          <cell r="C33">
            <v>2050025382</v>
          </cell>
        </row>
        <row r="34">
          <cell r="C34">
            <v>2050025531</v>
          </cell>
        </row>
        <row r="35">
          <cell r="C35">
            <v>2050025531</v>
          </cell>
        </row>
        <row r="36">
          <cell r="C36">
            <v>2050025754</v>
          </cell>
        </row>
        <row r="37">
          <cell r="C37">
            <v>2050026117</v>
          </cell>
        </row>
        <row r="38">
          <cell r="C38">
            <v>2050026117</v>
          </cell>
        </row>
        <row r="39">
          <cell r="C39">
            <v>2050026281</v>
          </cell>
        </row>
        <row r="40">
          <cell r="C40">
            <v>2050026281</v>
          </cell>
        </row>
        <row r="41">
          <cell r="C41">
            <v>2050026299</v>
          </cell>
        </row>
        <row r="42">
          <cell r="C42">
            <v>2050026299</v>
          </cell>
        </row>
        <row r="43">
          <cell r="C43">
            <v>2050026299</v>
          </cell>
        </row>
        <row r="44">
          <cell r="C44">
            <v>2050027172</v>
          </cell>
        </row>
        <row r="45">
          <cell r="C45">
            <v>2050027669</v>
          </cell>
        </row>
        <row r="46">
          <cell r="C46">
            <v>2050028188</v>
          </cell>
        </row>
        <row r="47">
          <cell r="C47">
            <v>2050029178</v>
          </cell>
        </row>
        <row r="48">
          <cell r="C48">
            <v>2050029772</v>
          </cell>
        </row>
        <row r="49">
          <cell r="C49">
            <v>2050030119</v>
          </cell>
        </row>
        <row r="50">
          <cell r="C50">
            <v>2050030119</v>
          </cell>
        </row>
        <row r="51">
          <cell r="C51">
            <v>2050030507</v>
          </cell>
        </row>
        <row r="52">
          <cell r="C52">
            <v>2050030507</v>
          </cell>
        </row>
        <row r="53">
          <cell r="C53">
            <v>2050030507</v>
          </cell>
        </row>
        <row r="54">
          <cell r="C54">
            <v>2050031018</v>
          </cell>
        </row>
        <row r="55">
          <cell r="C55">
            <v>2050031075</v>
          </cell>
        </row>
        <row r="56">
          <cell r="C56">
            <v>2050031372</v>
          </cell>
        </row>
        <row r="57">
          <cell r="C57">
            <v>2050031539</v>
          </cell>
        </row>
        <row r="58">
          <cell r="C58">
            <v>2050031539</v>
          </cell>
        </row>
        <row r="59">
          <cell r="C59">
            <v>2050031919</v>
          </cell>
        </row>
        <row r="60">
          <cell r="C60">
            <v>2050032107</v>
          </cell>
        </row>
        <row r="61">
          <cell r="C61">
            <v>2050032107</v>
          </cell>
        </row>
        <row r="62">
          <cell r="C62">
            <v>2050032875</v>
          </cell>
        </row>
        <row r="63">
          <cell r="C63">
            <v>2050035357</v>
          </cell>
        </row>
        <row r="64">
          <cell r="C64">
            <v>2050035597</v>
          </cell>
        </row>
        <row r="65">
          <cell r="C65">
            <v>2050035753</v>
          </cell>
        </row>
        <row r="66">
          <cell r="C66">
            <v>2050035985</v>
          </cell>
        </row>
        <row r="67">
          <cell r="C67">
            <v>2050036181</v>
          </cell>
        </row>
        <row r="68">
          <cell r="C68">
            <v>2050036181</v>
          </cell>
        </row>
        <row r="69">
          <cell r="C69">
            <v>2050036447</v>
          </cell>
        </row>
        <row r="70">
          <cell r="C70">
            <v>2050037361</v>
          </cell>
        </row>
        <row r="71">
          <cell r="C71">
            <v>2050037361</v>
          </cell>
        </row>
        <row r="72">
          <cell r="C72">
            <v>2050037403</v>
          </cell>
        </row>
        <row r="73">
          <cell r="C73">
            <v>2050037643</v>
          </cell>
        </row>
        <row r="74">
          <cell r="C74">
            <v>2050038153</v>
          </cell>
        </row>
        <row r="75">
          <cell r="C75">
            <v>2050038880</v>
          </cell>
        </row>
        <row r="76">
          <cell r="C76">
            <v>2050039219</v>
          </cell>
        </row>
        <row r="77">
          <cell r="C77">
            <v>2050039326</v>
          </cell>
        </row>
        <row r="78">
          <cell r="C78">
            <v>2050039599</v>
          </cell>
        </row>
        <row r="79">
          <cell r="C79">
            <v>2050039888</v>
          </cell>
        </row>
        <row r="80">
          <cell r="C80">
            <v>2050040605</v>
          </cell>
        </row>
        <row r="81">
          <cell r="C81">
            <v>2050040696</v>
          </cell>
        </row>
        <row r="82">
          <cell r="C82">
            <v>2050040787</v>
          </cell>
        </row>
        <row r="83">
          <cell r="C83">
            <v>2050040787</v>
          </cell>
        </row>
        <row r="84">
          <cell r="C84">
            <v>2050041124</v>
          </cell>
        </row>
        <row r="85">
          <cell r="C85">
            <v>2050041660</v>
          </cell>
        </row>
        <row r="86">
          <cell r="C86">
            <v>2050042585</v>
          </cell>
        </row>
        <row r="87">
          <cell r="C87">
            <v>2050043377</v>
          </cell>
        </row>
        <row r="88">
          <cell r="C88">
            <v>2050043674</v>
          </cell>
        </row>
        <row r="89">
          <cell r="C89">
            <v>2050043930</v>
          </cell>
        </row>
        <row r="90">
          <cell r="C90">
            <v>2050043930</v>
          </cell>
        </row>
        <row r="91">
          <cell r="C91">
            <v>2050043948</v>
          </cell>
        </row>
        <row r="92">
          <cell r="C92">
            <v>2050043948</v>
          </cell>
        </row>
        <row r="93">
          <cell r="C93">
            <v>2050044185</v>
          </cell>
        </row>
        <row r="94">
          <cell r="C94">
            <v>2050044185</v>
          </cell>
        </row>
        <row r="95">
          <cell r="C95">
            <v>2050044284</v>
          </cell>
        </row>
        <row r="96">
          <cell r="C96">
            <v>2050044284</v>
          </cell>
        </row>
        <row r="97">
          <cell r="C97">
            <v>2050044292</v>
          </cell>
        </row>
        <row r="98">
          <cell r="C98">
            <v>2050044524</v>
          </cell>
        </row>
        <row r="99">
          <cell r="C99">
            <v>2050045133</v>
          </cell>
        </row>
        <row r="100">
          <cell r="C100">
            <v>2050045489</v>
          </cell>
        </row>
        <row r="101">
          <cell r="C101">
            <v>2050045562</v>
          </cell>
        </row>
        <row r="102">
          <cell r="C102">
            <v>2050045562</v>
          </cell>
        </row>
        <row r="103">
          <cell r="C103">
            <v>2050045604</v>
          </cell>
        </row>
        <row r="104">
          <cell r="C104">
            <v>2050046008</v>
          </cell>
        </row>
        <row r="105">
          <cell r="C105">
            <v>2050046537</v>
          </cell>
        </row>
        <row r="106">
          <cell r="C106">
            <v>2050046768</v>
          </cell>
        </row>
        <row r="107">
          <cell r="C107">
            <v>2050046792</v>
          </cell>
        </row>
        <row r="108">
          <cell r="C108">
            <v>2050047162</v>
          </cell>
        </row>
        <row r="109">
          <cell r="C109">
            <v>2050048293</v>
          </cell>
        </row>
        <row r="110">
          <cell r="C110">
            <v>2050048293</v>
          </cell>
        </row>
        <row r="111">
          <cell r="C111">
            <v>2050049085</v>
          </cell>
        </row>
        <row r="112">
          <cell r="C112">
            <v>2050049093</v>
          </cell>
        </row>
        <row r="113">
          <cell r="C113">
            <v>2050049093</v>
          </cell>
        </row>
        <row r="114">
          <cell r="C114">
            <v>2050049259</v>
          </cell>
        </row>
        <row r="115">
          <cell r="C115">
            <v>2050049655</v>
          </cell>
        </row>
        <row r="116">
          <cell r="C116">
            <v>2050050968</v>
          </cell>
        </row>
        <row r="117">
          <cell r="C117">
            <v>2050050968</v>
          </cell>
        </row>
        <row r="118">
          <cell r="C118">
            <v>2050051099</v>
          </cell>
        </row>
        <row r="119">
          <cell r="C119">
            <v>2050051099</v>
          </cell>
        </row>
        <row r="120">
          <cell r="C120">
            <v>2050051099</v>
          </cell>
        </row>
        <row r="121">
          <cell r="C121">
            <v>2050051396</v>
          </cell>
        </row>
        <row r="122">
          <cell r="C122">
            <v>2050051396</v>
          </cell>
        </row>
        <row r="123">
          <cell r="C123">
            <v>2050051701</v>
          </cell>
        </row>
        <row r="124">
          <cell r="C124">
            <v>2050051701</v>
          </cell>
        </row>
        <row r="125">
          <cell r="C125">
            <v>2050051974</v>
          </cell>
        </row>
        <row r="126">
          <cell r="C126">
            <v>2050052147</v>
          </cell>
        </row>
        <row r="127">
          <cell r="C127">
            <v>2050052147</v>
          </cell>
        </row>
        <row r="128">
          <cell r="C128">
            <v>2050052311</v>
          </cell>
        </row>
        <row r="129">
          <cell r="C129">
            <v>2050054291</v>
          </cell>
        </row>
        <row r="130">
          <cell r="C130">
            <v>2050054515</v>
          </cell>
        </row>
        <row r="131">
          <cell r="C131">
            <v>2050054978</v>
          </cell>
        </row>
        <row r="132">
          <cell r="C132">
            <v>2050056155</v>
          </cell>
        </row>
        <row r="133">
          <cell r="C133">
            <v>2050056155</v>
          </cell>
        </row>
        <row r="134">
          <cell r="C134">
            <v>2050057658</v>
          </cell>
        </row>
        <row r="135">
          <cell r="C135">
            <v>2050057815</v>
          </cell>
        </row>
        <row r="136">
          <cell r="C136">
            <v>2050057898</v>
          </cell>
        </row>
        <row r="137">
          <cell r="C137">
            <v>2050058102</v>
          </cell>
        </row>
        <row r="138">
          <cell r="C138">
            <v>2050058169</v>
          </cell>
        </row>
        <row r="139">
          <cell r="C139">
            <v>2050058169</v>
          </cell>
        </row>
        <row r="140">
          <cell r="C140">
            <v>2050058250</v>
          </cell>
        </row>
        <row r="141">
          <cell r="C141">
            <v>2050058300</v>
          </cell>
        </row>
        <row r="142">
          <cell r="C142">
            <v>2050058300</v>
          </cell>
        </row>
        <row r="143">
          <cell r="C143">
            <v>2050058342</v>
          </cell>
        </row>
        <row r="144">
          <cell r="C144">
            <v>2050058342</v>
          </cell>
        </row>
        <row r="145">
          <cell r="C145">
            <v>2050058342</v>
          </cell>
        </row>
        <row r="146">
          <cell r="C146">
            <v>2050059035</v>
          </cell>
        </row>
        <row r="147">
          <cell r="C147">
            <v>2050059035</v>
          </cell>
        </row>
        <row r="148">
          <cell r="C148">
            <v>2050059514</v>
          </cell>
        </row>
        <row r="149">
          <cell r="C149">
            <v>2050059514</v>
          </cell>
        </row>
        <row r="150">
          <cell r="C150">
            <v>2050059928</v>
          </cell>
        </row>
        <row r="151">
          <cell r="C151">
            <v>2050060009</v>
          </cell>
        </row>
        <row r="152">
          <cell r="C152">
            <v>2050060009</v>
          </cell>
        </row>
        <row r="153">
          <cell r="C153">
            <v>2050060421</v>
          </cell>
        </row>
        <row r="154">
          <cell r="C154">
            <v>2050060439</v>
          </cell>
        </row>
        <row r="155">
          <cell r="C155">
            <v>2050060934</v>
          </cell>
        </row>
        <row r="156">
          <cell r="C156">
            <v>2050060934</v>
          </cell>
        </row>
        <row r="157">
          <cell r="C157">
            <v>2050060934</v>
          </cell>
        </row>
        <row r="158">
          <cell r="C158">
            <v>2050060959</v>
          </cell>
        </row>
        <row r="159">
          <cell r="C159">
            <v>2050061031</v>
          </cell>
        </row>
        <row r="160">
          <cell r="C160">
            <v>2050061353</v>
          </cell>
        </row>
        <row r="161">
          <cell r="C161">
            <v>2050061353</v>
          </cell>
        </row>
        <row r="162">
          <cell r="C162">
            <v>2050061445</v>
          </cell>
        </row>
        <row r="163">
          <cell r="C163">
            <v>2050061577</v>
          </cell>
        </row>
        <row r="164">
          <cell r="C164">
            <v>2050062120</v>
          </cell>
        </row>
        <row r="165">
          <cell r="C165">
            <v>2050062120</v>
          </cell>
        </row>
        <row r="166">
          <cell r="C166">
            <v>2050062609</v>
          </cell>
        </row>
        <row r="167">
          <cell r="C167">
            <v>2050062856</v>
          </cell>
        </row>
        <row r="168">
          <cell r="C168">
            <v>2050063029</v>
          </cell>
        </row>
        <row r="169">
          <cell r="C169">
            <v>2050063136</v>
          </cell>
        </row>
        <row r="170">
          <cell r="C170">
            <v>2050063680</v>
          </cell>
        </row>
        <row r="171">
          <cell r="C171">
            <v>2050063680</v>
          </cell>
        </row>
        <row r="172">
          <cell r="C172">
            <v>2050063995</v>
          </cell>
        </row>
        <row r="173">
          <cell r="C173">
            <v>2050064647</v>
          </cell>
        </row>
        <row r="174">
          <cell r="C174">
            <v>2050065636</v>
          </cell>
        </row>
        <row r="175">
          <cell r="C175">
            <v>2050066337</v>
          </cell>
        </row>
        <row r="176">
          <cell r="C176">
            <v>2050066337</v>
          </cell>
        </row>
        <row r="177">
          <cell r="C177">
            <v>2050066451</v>
          </cell>
        </row>
        <row r="178">
          <cell r="C178">
            <v>2050066865</v>
          </cell>
        </row>
        <row r="179">
          <cell r="C179">
            <v>2050066998</v>
          </cell>
        </row>
        <row r="180">
          <cell r="C180">
            <v>2050067905</v>
          </cell>
        </row>
        <row r="181">
          <cell r="C181">
            <v>2050067905</v>
          </cell>
        </row>
        <row r="182">
          <cell r="C182">
            <v>2050068614</v>
          </cell>
        </row>
        <row r="183">
          <cell r="C183">
            <v>2050068614</v>
          </cell>
        </row>
        <row r="184">
          <cell r="C184">
            <v>2050069083</v>
          </cell>
        </row>
        <row r="185">
          <cell r="C185">
            <v>2050069083</v>
          </cell>
        </row>
        <row r="186">
          <cell r="C186">
            <v>2050069570</v>
          </cell>
        </row>
        <row r="187">
          <cell r="C187">
            <v>2050069570</v>
          </cell>
        </row>
        <row r="188">
          <cell r="C188">
            <v>2050069661</v>
          </cell>
        </row>
        <row r="189">
          <cell r="C189">
            <v>2050069661</v>
          </cell>
        </row>
        <row r="190">
          <cell r="C190">
            <v>2050070057</v>
          </cell>
        </row>
        <row r="191">
          <cell r="C191">
            <v>2050070297</v>
          </cell>
        </row>
        <row r="192">
          <cell r="C192">
            <v>2050073093</v>
          </cell>
        </row>
        <row r="193">
          <cell r="C193">
            <v>2050073648</v>
          </cell>
        </row>
        <row r="194">
          <cell r="C194">
            <v>2050073820</v>
          </cell>
        </row>
        <row r="195">
          <cell r="C195">
            <v>2050073820</v>
          </cell>
        </row>
        <row r="196">
          <cell r="C196">
            <v>2050075577</v>
          </cell>
        </row>
        <row r="197">
          <cell r="C197">
            <v>2050075619</v>
          </cell>
        </row>
        <row r="198">
          <cell r="C198">
            <v>2050076054</v>
          </cell>
        </row>
        <row r="199">
          <cell r="C199">
            <v>2050076161</v>
          </cell>
        </row>
        <row r="200">
          <cell r="C200">
            <v>2050076385</v>
          </cell>
        </row>
        <row r="201">
          <cell r="C201">
            <v>2050076385</v>
          </cell>
        </row>
        <row r="202">
          <cell r="C202">
            <v>2050076831</v>
          </cell>
        </row>
        <row r="203">
          <cell r="C203">
            <v>2050076831</v>
          </cell>
        </row>
        <row r="204">
          <cell r="C204">
            <v>2050076856</v>
          </cell>
        </row>
        <row r="205">
          <cell r="C205">
            <v>2050076856</v>
          </cell>
        </row>
        <row r="206">
          <cell r="C206">
            <v>2050076856</v>
          </cell>
        </row>
        <row r="207">
          <cell r="C207">
            <v>2050077888</v>
          </cell>
        </row>
        <row r="208">
          <cell r="C208">
            <v>2050078829</v>
          </cell>
        </row>
        <row r="209">
          <cell r="C209">
            <v>2050078829</v>
          </cell>
        </row>
        <row r="210">
          <cell r="C210">
            <v>2050085907</v>
          </cell>
        </row>
        <row r="211">
          <cell r="C211">
            <v>2050086392</v>
          </cell>
        </row>
        <row r="212">
          <cell r="C212">
            <v>2050087317</v>
          </cell>
        </row>
        <row r="213">
          <cell r="C213">
            <v>2050087861</v>
          </cell>
        </row>
        <row r="214">
          <cell r="C214">
            <v>2050087861</v>
          </cell>
        </row>
        <row r="215">
          <cell r="C215">
            <v>2050088653</v>
          </cell>
        </row>
        <row r="216">
          <cell r="C216">
            <v>2050090162</v>
          </cell>
        </row>
        <row r="217">
          <cell r="C217">
            <v>2050090162</v>
          </cell>
        </row>
        <row r="218">
          <cell r="C218">
            <v>2050090410</v>
          </cell>
        </row>
        <row r="219">
          <cell r="C219">
            <v>2050090410</v>
          </cell>
        </row>
        <row r="220">
          <cell r="C220">
            <v>2050090600</v>
          </cell>
        </row>
        <row r="221">
          <cell r="C221">
            <v>2050091335</v>
          </cell>
        </row>
        <row r="222">
          <cell r="C222">
            <v>2050092374</v>
          </cell>
        </row>
        <row r="223">
          <cell r="C223">
            <v>2050093117</v>
          </cell>
        </row>
        <row r="224">
          <cell r="C224">
            <v>2050093463</v>
          </cell>
        </row>
        <row r="225">
          <cell r="C225">
            <v>2050093463</v>
          </cell>
        </row>
        <row r="226">
          <cell r="C226">
            <v>2050094099</v>
          </cell>
        </row>
        <row r="227">
          <cell r="C227">
            <v>2050094099</v>
          </cell>
        </row>
        <row r="228">
          <cell r="C228">
            <v>2050094834</v>
          </cell>
        </row>
        <row r="229">
          <cell r="C229">
            <v>2050096268</v>
          </cell>
        </row>
        <row r="230">
          <cell r="C230">
            <v>2050096268</v>
          </cell>
        </row>
        <row r="231">
          <cell r="C231">
            <v>2050097126</v>
          </cell>
        </row>
        <row r="232">
          <cell r="C232">
            <v>2050098512</v>
          </cell>
        </row>
        <row r="233">
          <cell r="C233">
            <v>2050098512</v>
          </cell>
        </row>
        <row r="234">
          <cell r="C234">
            <v>2050098512</v>
          </cell>
        </row>
        <row r="235">
          <cell r="C235">
            <v>2050099163</v>
          </cell>
        </row>
        <row r="236">
          <cell r="C236">
            <v>2050099163</v>
          </cell>
        </row>
        <row r="237">
          <cell r="C237">
            <v>2050099395</v>
          </cell>
        </row>
        <row r="238">
          <cell r="C238">
            <v>2050099395</v>
          </cell>
        </row>
        <row r="239">
          <cell r="C239">
            <v>2050100276</v>
          </cell>
        </row>
        <row r="240">
          <cell r="C240">
            <v>2050100276</v>
          </cell>
        </row>
        <row r="241">
          <cell r="C241">
            <v>2050100672</v>
          </cell>
        </row>
        <row r="242">
          <cell r="C242">
            <v>2050100961</v>
          </cell>
        </row>
        <row r="243">
          <cell r="C243">
            <v>2050100961</v>
          </cell>
        </row>
        <row r="244">
          <cell r="C244">
            <v>2050101373</v>
          </cell>
        </row>
        <row r="245">
          <cell r="C245">
            <v>2050103031</v>
          </cell>
        </row>
        <row r="246">
          <cell r="C246">
            <v>2050104815</v>
          </cell>
        </row>
        <row r="247">
          <cell r="C247">
            <v>2050104823</v>
          </cell>
        </row>
        <row r="248">
          <cell r="C248">
            <v>2050104823</v>
          </cell>
        </row>
        <row r="249">
          <cell r="C249">
            <v>2050104823</v>
          </cell>
        </row>
        <row r="250">
          <cell r="C250">
            <v>2050106687</v>
          </cell>
        </row>
        <row r="251">
          <cell r="C251">
            <v>2050106851</v>
          </cell>
        </row>
        <row r="252">
          <cell r="C252">
            <v>2050107586</v>
          </cell>
        </row>
        <row r="253">
          <cell r="C253">
            <v>2050108337</v>
          </cell>
        </row>
        <row r="254">
          <cell r="C254">
            <v>2050110945</v>
          </cell>
        </row>
        <row r="255">
          <cell r="C255">
            <v>2050111992</v>
          </cell>
        </row>
        <row r="256">
          <cell r="C256">
            <v>2050111992</v>
          </cell>
        </row>
        <row r="257">
          <cell r="C257">
            <v>2050112743</v>
          </cell>
        </row>
        <row r="258">
          <cell r="C258">
            <v>2050112743</v>
          </cell>
        </row>
        <row r="259">
          <cell r="C259">
            <v>2050114087</v>
          </cell>
        </row>
        <row r="260">
          <cell r="C260">
            <v>2050114087</v>
          </cell>
        </row>
        <row r="261">
          <cell r="C261">
            <v>2050114210</v>
          </cell>
        </row>
        <row r="262">
          <cell r="C262">
            <v>2050114517</v>
          </cell>
        </row>
        <row r="263">
          <cell r="C263">
            <v>2050114558</v>
          </cell>
        </row>
        <row r="264">
          <cell r="C264">
            <v>2050115506</v>
          </cell>
        </row>
        <row r="265">
          <cell r="C265">
            <v>2050119631</v>
          </cell>
        </row>
        <row r="266">
          <cell r="C266">
            <v>2050119631</v>
          </cell>
        </row>
        <row r="267">
          <cell r="C267">
            <v>2050119631</v>
          </cell>
        </row>
        <row r="268">
          <cell r="C268">
            <v>2050121025</v>
          </cell>
        </row>
        <row r="269">
          <cell r="C269">
            <v>2050121025</v>
          </cell>
        </row>
        <row r="270">
          <cell r="C270">
            <v>2050126354</v>
          </cell>
        </row>
        <row r="271">
          <cell r="C271">
            <v>2050130174</v>
          </cell>
        </row>
        <row r="272">
          <cell r="C272">
            <v>2050130711</v>
          </cell>
        </row>
        <row r="273">
          <cell r="C273">
            <v>2050130943</v>
          </cell>
        </row>
        <row r="274">
          <cell r="C274">
            <v>2050130943</v>
          </cell>
        </row>
        <row r="275">
          <cell r="C275">
            <v>2050130943</v>
          </cell>
        </row>
        <row r="276">
          <cell r="C276">
            <v>2050131214</v>
          </cell>
        </row>
        <row r="277">
          <cell r="C277">
            <v>2050131214</v>
          </cell>
        </row>
        <row r="278">
          <cell r="C278">
            <v>2050135090</v>
          </cell>
        </row>
        <row r="279">
          <cell r="C279">
            <v>2050139373</v>
          </cell>
        </row>
        <row r="280">
          <cell r="C280">
            <v>2050146121</v>
          </cell>
        </row>
        <row r="281">
          <cell r="C281">
            <v>2050146188</v>
          </cell>
        </row>
        <row r="282">
          <cell r="C282">
            <v>2050146196</v>
          </cell>
        </row>
        <row r="283">
          <cell r="C283">
            <v>2050149620</v>
          </cell>
        </row>
        <row r="284">
          <cell r="C284">
            <v>2050150768</v>
          </cell>
        </row>
        <row r="285">
          <cell r="C285">
            <v>3020000016</v>
          </cell>
        </row>
        <row r="286">
          <cell r="C286">
            <v>3020000270</v>
          </cell>
        </row>
        <row r="287">
          <cell r="C287">
            <v>3020000315</v>
          </cell>
        </row>
        <row r="288">
          <cell r="C288">
            <v>3020000351</v>
          </cell>
        </row>
        <row r="289">
          <cell r="C289">
            <v>3020000351</v>
          </cell>
        </row>
        <row r="290">
          <cell r="C290">
            <v>3020000351</v>
          </cell>
        </row>
        <row r="291">
          <cell r="C291">
            <v>3020000417</v>
          </cell>
        </row>
        <row r="292">
          <cell r="C292">
            <v>3020000444</v>
          </cell>
        </row>
        <row r="293">
          <cell r="C293">
            <v>3020000449</v>
          </cell>
        </row>
        <row r="294">
          <cell r="C294">
            <v>3020000449</v>
          </cell>
        </row>
        <row r="295">
          <cell r="C295">
            <v>3020000510</v>
          </cell>
        </row>
        <row r="296">
          <cell r="C296">
            <v>3020000531</v>
          </cell>
        </row>
        <row r="297">
          <cell r="C297">
            <v>3020000669</v>
          </cell>
        </row>
        <row r="298">
          <cell r="C298">
            <v>3020000700</v>
          </cell>
        </row>
        <row r="299">
          <cell r="C299">
            <v>3020000700</v>
          </cell>
        </row>
        <row r="300">
          <cell r="C300">
            <v>3020000700</v>
          </cell>
        </row>
        <row r="301">
          <cell r="C301">
            <v>3020000747</v>
          </cell>
        </row>
        <row r="302">
          <cell r="C302">
            <v>3020000818</v>
          </cell>
        </row>
        <row r="303">
          <cell r="C303">
            <v>3020000958</v>
          </cell>
        </row>
        <row r="304">
          <cell r="C304">
            <v>3020001025</v>
          </cell>
        </row>
        <row r="305">
          <cell r="C305">
            <v>3020001072</v>
          </cell>
        </row>
        <row r="306">
          <cell r="C306">
            <v>3020001073</v>
          </cell>
        </row>
        <row r="307">
          <cell r="C307">
            <v>3020001154</v>
          </cell>
        </row>
        <row r="308">
          <cell r="C308">
            <v>3020001326</v>
          </cell>
        </row>
        <row r="309">
          <cell r="C309">
            <v>3020001326</v>
          </cell>
        </row>
        <row r="310">
          <cell r="C310">
            <v>3020001343</v>
          </cell>
        </row>
        <row r="311">
          <cell r="C311">
            <v>3020001357</v>
          </cell>
        </row>
        <row r="312">
          <cell r="C312">
            <v>3020001357</v>
          </cell>
        </row>
        <row r="313">
          <cell r="C313">
            <v>3020001373</v>
          </cell>
        </row>
        <row r="314">
          <cell r="C314">
            <v>3020001373</v>
          </cell>
        </row>
        <row r="315">
          <cell r="C315">
            <v>3020001397</v>
          </cell>
        </row>
        <row r="316">
          <cell r="C316">
            <v>3020001397</v>
          </cell>
        </row>
        <row r="317">
          <cell r="C317">
            <v>3020001397</v>
          </cell>
        </row>
        <row r="318">
          <cell r="C318">
            <v>3020001446</v>
          </cell>
        </row>
        <row r="319">
          <cell r="C319">
            <v>3020001456</v>
          </cell>
        </row>
        <row r="320">
          <cell r="C320">
            <v>3020001458</v>
          </cell>
        </row>
        <row r="321">
          <cell r="C321">
            <v>3020001471</v>
          </cell>
        </row>
        <row r="322">
          <cell r="C322">
            <v>3020001494</v>
          </cell>
        </row>
        <row r="323">
          <cell r="C323">
            <v>3020001553</v>
          </cell>
        </row>
        <row r="324">
          <cell r="C324">
            <v>3020001764</v>
          </cell>
        </row>
        <row r="325">
          <cell r="C325">
            <v>3020001798</v>
          </cell>
        </row>
        <row r="326">
          <cell r="C326">
            <v>3020001798</v>
          </cell>
        </row>
        <row r="327">
          <cell r="C327">
            <v>3020001798</v>
          </cell>
        </row>
        <row r="328">
          <cell r="C328">
            <v>3020001886</v>
          </cell>
        </row>
        <row r="329">
          <cell r="C329">
            <v>3020001886</v>
          </cell>
        </row>
        <row r="330">
          <cell r="C330">
            <v>3020001913</v>
          </cell>
        </row>
        <row r="331">
          <cell r="C331">
            <v>3020001913</v>
          </cell>
        </row>
        <row r="332">
          <cell r="C332">
            <v>3020001984</v>
          </cell>
        </row>
        <row r="333">
          <cell r="C333">
            <v>3020002018</v>
          </cell>
        </row>
        <row r="334">
          <cell r="C334">
            <v>3020002279</v>
          </cell>
        </row>
      </sheetData>
      <sheetData sheetId="6">
        <row r="2">
          <cell r="C2">
            <v>429</v>
          </cell>
        </row>
        <row r="3">
          <cell r="C3">
            <v>492</v>
          </cell>
        </row>
        <row r="4">
          <cell r="C4">
            <v>2050007851</v>
          </cell>
        </row>
        <row r="5">
          <cell r="C5">
            <v>2050007851</v>
          </cell>
        </row>
        <row r="6">
          <cell r="C6">
            <v>2050011259</v>
          </cell>
        </row>
        <row r="7">
          <cell r="C7">
            <v>2050011259</v>
          </cell>
        </row>
        <row r="8">
          <cell r="C8">
            <v>2050011440</v>
          </cell>
        </row>
        <row r="9">
          <cell r="C9">
            <v>2050012372</v>
          </cell>
        </row>
        <row r="10">
          <cell r="C10">
            <v>2050013636</v>
          </cell>
        </row>
        <row r="11">
          <cell r="C11">
            <v>2050014782</v>
          </cell>
        </row>
        <row r="12">
          <cell r="C12">
            <v>2050017173</v>
          </cell>
        </row>
        <row r="13">
          <cell r="C13">
            <v>2050018320</v>
          </cell>
        </row>
        <row r="14">
          <cell r="C14">
            <v>2050020110</v>
          </cell>
        </row>
        <row r="15">
          <cell r="C15">
            <v>2050020284</v>
          </cell>
        </row>
        <row r="16">
          <cell r="C16">
            <v>2050020284</v>
          </cell>
        </row>
        <row r="17">
          <cell r="C17">
            <v>2050021571</v>
          </cell>
        </row>
        <row r="18">
          <cell r="C18">
            <v>2050021571</v>
          </cell>
        </row>
        <row r="19">
          <cell r="C19">
            <v>2050021613</v>
          </cell>
        </row>
        <row r="20">
          <cell r="C20">
            <v>2050022330</v>
          </cell>
        </row>
        <row r="21">
          <cell r="C21">
            <v>2050022330</v>
          </cell>
        </row>
        <row r="22">
          <cell r="C22">
            <v>2050022330</v>
          </cell>
        </row>
        <row r="23">
          <cell r="C23">
            <v>2050022710</v>
          </cell>
        </row>
        <row r="24">
          <cell r="C24">
            <v>2050023080</v>
          </cell>
        </row>
        <row r="25">
          <cell r="C25">
            <v>2050023080</v>
          </cell>
        </row>
        <row r="26">
          <cell r="C26">
            <v>2050023197</v>
          </cell>
        </row>
        <row r="27">
          <cell r="C27">
            <v>2050023197</v>
          </cell>
        </row>
        <row r="28">
          <cell r="C28">
            <v>2050025382</v>
          </cell>
        </row>
        <row r="29">
          <cell r="C29">
            <v>2050025531</v>
          </cell>
        </row>
        <row r="30">
          <cell r="C30">
            <v>2050025531</v>
          </cell>
        </row>
        <row r="31">
          <cell r="C31">
            <v>2050025754</v>
          </cell>
        </row>
        <row r="32">
          <cell r="C32">
            <v>2050026117</v>
          </cell>
        </row>
        <row r="33">
          <cell r="C33">
            <v>2050026117</v>
          </cell>
        </row>
        <row r="34">
          <cell r="C34">
            <v>2050026281</v>
          </cell>
        </row>
        <row r="35">
          <cell r="C35">
            <v>2050026281</v>
          </cell>
        </row>
        <row r="36">
          <cell r="C36">
            <v>2050026299</v>
          </cell>
        </row>
        <row r="37">
          <cell r="C37">
            <v>2050026299</v>
          </cell>
        </row>
        <row r="38">
          <cell r="C38">
            <v>2050026299</v>
          </cell>
        </row>
        <row r="39">
          <cell r="C39">
            <v>2050026299</v>
          </cell>
        </row>
        <row r="40">
          <cell r="C40">
            <v>2050027172</v>
          </cell>
        </row>
        <row r="41">
          <cell r="C41">
            <v>2050027669</v>
          </cell>
        </row>
        <row r="42">
          <cell r="C42">
            <v>2050028188</v>
          </cell>
        </row>
        <row r="43">
          <cell r="C43">
            <v>2050029178</v>
          </cell>
        </row>
        <row r="44">
          <cell r="C44">
            <v>2050029772</v>
          </cell>
        </row>
        <row r="45">
          <cell r="C45">
            <v>2050029772</v>
          </cell>
        </row>
        <row r="46">
          <cell r="C46">
            <v>2050030119</v>
          </cell>
        </row>
        <row r="47">
          <cell r="C47">
            <v>2050030119</v>
          </cell>
        </row>
        <row r="48">
          <cell r="C48">
            <v>2050031018</v>
          </cell>
        </row>
        <row r="49">
          <cell r="C49">
            <v>2050031075</v>
          </cell>
        </row>
        <row r="50">
          <cell r="C50">
            <v>2050031372</v>
          </cell>
        </row>
        <row r="51">
          <cell r="C51">
            <v>2050031539</v>
          </cell>
        </row>
        <row r="52">
          <cell r="C52">
            <v>2050031539</v>
          </cell>
        </row>
        <row r="53">
          <cell r="C53">
            <v>2050031919</v>
          </cell>
        </row>
        <row r="54">
          <cell r="C54">
            <v>2050032107</v>
          </cell>
        </row>
        <row r="55">
          <cell r="C55">
            <v>2050032107</v>
          </cell>
        </row>
        <row r="56">
          <cell r="C56">
            <v>2050032875</v>
          </cell>
        </row>
        <row r="57">
          <cell r="C57">
            <v>2050035357</v>
          </cell>
        </row>
        <row r="58">
          <cell r="C58">
            <v>2050035597</v>
          </cell>
        </row>
        <row r="59">
          <cell r="C59">
            <v>2050035753</v>
          </cell>
        </row>
        <row r="60">
          <cell r="C60">
            <v>2050035985</v>
          </cell>
        </row>
        <row r="61">
          <cell r="C61">
            <v>2050036181</v>
          </cell>
        </row>
        <row r="62">
          <cell r="C62">
            <v>2050036447</v>
          </cell>
        </row>
        <row r="63">
          <cell r="C63">
            <v>2050037361</v>
          </cell>
        </row>
        <row r="64">
          <cell r="C64">
            <v>2050037361</v>
          </cell>
        </row>
        <row r="65">
          <cell r="C65">
            <v>2050037403</v>
          </cell>
        </row>
        <row r="66">
          <cell r="C66">
            <v>2050037643</v>
          </cell>
        </row>
        <row r="67">
          <cell r="C67">
            <v>2050037650</v>
          </cell>
        </row>
        <row r="68">
          <cell r="C68">
            <v>2050038153</v>
          </cell>
        </row>
        <row r="69">
          <cell r="C69">
            <v>2050038880</v>
          </cell>
        </row>
        <row r="70">
          <cell r="C70">
            <v>2050039037</v>
          </cell>
        </row>
        <row r="71">
          <cell r="C71">
            <v>2050039037</v>
          </cell>
        </row>
        <row r="72">
          <cell r="C72">
            <v>2050039037</v>
          </cell>
        </row>
        <row r="73">
          <cell r="C73">
            <v>2050039219</v>
          </cell>
        </row>
        <row r="74">
          <cell r="C74">
            <v>2050039326</v>
          </cell>
        </row>
        <row r="75">
          <cell r="C75">
            <v>2050039599</v>
          </cell>
        </row>
        <row r="76">
          <cell r="C76">
            <v>2050039888</v>
          </cell>
        </row>
        <row r="77">
          <cell r="C77">
            <v>2050040605</v>
          </cell>
        </row>
        <row r="78">
          <cell r="C78">
            <v>2050040696</v>
          </cell>
        </row>
        <row r="79">
          <cell r="C79">
            <v>2050040787</v>
          </cell>
        </row>
        <row r="80">
          <cell r="C80">
            <v>2050040787</v>
          </cell>
        </row>
        <row r="81">
          <cell r="C81">
            <v>2050041124</v>
          </cell>
        </row>
        <row r="82">
          <cell r="C82">
            <v>2050041215</v>
          </cell>
        </row>
        <row r="83">
          <cell r="C83">
            <v>2050041660</v>
          </cell>
        </row>
        <row r="84">
          <cell r="C84">
            <v>2050042585</v>
          </cell>
        </row>
        <row r="85">
          <cell r="C85">
            <v>2050042692</v>
          </cell>
        </row>
        <row r="86">
          <cell r="C86">
            <v>2050043377</v>
          </cell>
        </row>
        <row r="87">
          <cell r="C87">
            <v>2050043674</v>
          </cell>
        </row>
        <row r="88">
          <cell r="C88">
            <v>2050043930</v>
          </cell>
        </row>
        <row r="89">
          <cell r="C89">
            <v>2050043930</v>
          </cell>
        </row>
        <row r="90">
          <cell r="C90">
            <v>2050043948</v>
          </cell>
        </row>
        <row r="91">
          <cell r="C91">
            <v>2050043948</v>
          </cell>
        </row>
        <row r="92">
          <cell r="C92">
            <v>2050044185</v>
          </cell>
        </row>
        <row r="93">
          <cell r="C93">
            <v>2050044185</v>
          </cell>
        </row>
        <row r="94">
          <cell r="C94">
            <v>2050044284</v>
          </cell>
        </row>
        <row r="95">
          <cell r="C95">
            <v>2050044284</v>
          </cell>
        </row>
        <row r="96">
          <cell r="C96">
            <v>2050044292</v>
          </cell>
        </row>
        <row r="97">
          <cell r="C97">
            <v>2050044524</v>
          </cell>
        </row>
        <row r="98">
          <cell r="C98">
            <v>2050045133</v>
          </cell>
        </row>
        <row r="99">
          <cell r="C99">
            <v>2050045489</v>
          </cell>
        </row>
        <row r="100">
          <cell r="C100">
            <v>2050045604</v>
          </cell>
        </row>
        <row r="101">
          <cell r="C101">
            <v>2050045604</v>
          </cell>
        </row>
        <row r="102">
          <cell r="C102">
            <v>2050046008</v>
          </cell>
        </row>
        <row r="103">
          <cell r="C103">
            <v>2050046453</v>
          </cell>
        </row>
        <row r="104">
          <cell r="C104">
            <v>2050046537</v>
          </cell>
        </row>
        <row r="105">
          <cell r="C105">
            <v>2050046768</v>
          </cell>
        </row>
        <row r="106">
          <cell r="C106">
            <v>2050046792</v>
          </cell>
        </row>
        <row r="107">
          <cell r="C107">
            <v>2050047162</v>
          </cell>
        </row>
        <row r="108">
          <cell r="C108">
            <v>2050047162</v>
          </cell>
        </row>
        <row r="109">
          <cell r="C109">
            <v>2050049085</v>
          </cell>
        </row>
        <row r="110">
          <cell r="C110">
            <v>2050049093</v>
          </cell>
        </row>
        <row r="111">
          <cell r="C111">
            <v>2050049093</v>
          </cell>
        </row>
        <row r="112">
          <cell r="C112">
            <v>2050049259</v>
          </cell>
        </row>
        <row r="113">
          <cell r="C113">
            <v>2050049655</v>
          </cell>
        </row>
        <row r="114">
          <cell r="C114">
            <v>2050050968</v>
          </cell>
        </row>
        <row r="115">
          <cell r="C115">
            <v>2050050968</v>
          </cell>
        </row>
        <row r="116">
          <cell r="C116">
            <v>2050051099</v>
          </cell>
        </row>
        <row r="117">
          <cell r="C117">
            <v>2050051099</v>
          </cell>
        </row>
        <row r="118">
          <cell r="C118">
            <v>2050051099</v>
          </cell>
        </row>
        <row r="119">
          <cell r="C119">
            <v>2050051131</v>
          </cell>
        </row>
        <row r="120">
          <cell r="C120">
            <v>2050051396</v>
          </cell>
        </row>
        <row r="121">
          <cell r="C121">
            <v>2050051396</v>
          </cell>
        </row>
        <row r="122">
          <cell r="C122">
            <v>2050051396</v>
          </cell>
        </row>
        <row r="123">
          <cell r="C123">
            <v>2050051701</v>
          </cell>
        </row>
        <row r="124">
          <cell r="C124">
            <v>2050051701</v>
          </cell>
        </row>
        <row r="125">
          <cell r="C125">
            <v>2050051974</v>
          </cell>
        </row>
        <row r="126">
          <cell r="C126">
            <v>2050052147</v>
          </cell>
        </row>
        <row r="127">
          <cell r="C127">
            <v>2050052147</v>
          </cell>
        </row>
        <row r="128">
          <cell r="C128">
            <v>2050052311</v>
          </cell>
        </row>
        <row r="129">
          <cell r="C129">
            <v>2050054291</v>
          </cell>
        </row>
        <row r="130">
          <cell r="C130">
            <v>2050054515</v>
          </cell>
        </row>
        <row r="131">
          <cell r="C131">
            <v>2050054978</v>
          </cell>
        </row>
        <row r="132">
          <cell r="C132">
            <v>2050056155</v>
          </cell>
        </row>
        <row r="133">
          <cell r="C133">
            <v>2050056155</v>
          </cell>
        </row>
        <row r="134">
          <cell r="C134">
            <v>2050057658</v>
          </cell>
        </row>
        <row r="135">
          <cell r="C135">
            <v>2050057815</v>
          </cell>
        </row>
        <row r="136">
          <cell r="C136">
            <v>2050057898</v>
          </cell>
        </row>
        <row r="137">
          <cell r="C137">
            <v>2050058102</v>
          </cell>
        </row>
        <row r="138">
          <cell r="C138">
            <v>2050058169</v>
          </cell>
        </row>
        <row r="139">
          <cell r="C139">
            <v>2050058169</v>
          </cell>
        </row>
        <row r="140">
          <cell r="C140">
            <v>2050058250</v>
          </cell>
        </row>
        <row r="141">
          <cell r="C141">
            <v>2050058300</v>
          </cell>
        </row>
        <row r="142">
          <cell r="C142">
            <v>2050058300</v>
          </cell>
        </row>
        <row r="143">
          <cell r="C143">
            <v>2050058342</v>
          </cell>
        </row>
        <row r="144">
          <cell r="C144">
            <v>2050058342</v>
          </cell>
        </row>
        <row r="145">
          <cell r="C145">
            <v>2050058342</v>
          </cell>
        </row>
        <row r="146">
          <cell r="C146">
            <v>2050059035</v>
          </cell>
        </row>
        <row r="147">
          <cell r="C147">
            <v>2050059035</v>
          </cell>
        </row>
        <row r="148">
          <cell r="C148">
            <v>2050059514</v>
          </cell>
        </row>
        <row r="149">
          <cell r="C149">
            <v>2050059514</v>
          </cell>
        </row>
        <row r="150">
          <cell r="C150">
            <v>2050059928</v>
          </cell>
        </row>
        <row r="151">
          <cell r="C151">
            <v>2050060009</v>
          </cell>
        </row>
        <row r="152">
          <cell r="C152">
            <v>2050060009</v>
          </cell>
        </row>
        <row r="153">
          <cell r="C153">
            <v>2050060421</v>
          </cell>
        </row>
        <row r="154">
          <cell r="C154">
            <v>2050060439</v>
          </cell>
        </row>
        <row r="155">
          <cell r="C155">
            <v>2050060934</v>
          </cell>
        </row>
        <row r="156">
          <cell r="C156">
            <v>2050060934</v>
          </cell>
        </row>
        <row r="157">
          <cell r="C157">
            <v>2050060934</v>
          </cell>
        </row>
        <row r="158">
          <cell r="C158">
            <v>2050060959</v>
          </cell>
        </row>
        <row r="159">
          <cell r="C159">
            <v>2050061031</v>
          </cell>
        </row>
        <row r="160">
          <cell r="C160">
            <v>2050061353</v>
          </cell>
        </row>
        <row r="161">
          <cell r="C161">
            <v>2050061353</v>
          </cell>
        </row>
        <row r="162">
          <cell r="C162">
            <v>2050061445</v>
          </cell>
        </row>
        <row r="163">
          <cell r="C163">
            <v>2050061577</v>
          </cell>
        </row>
        <row r="164">
          <cell r="C164">
            <v>2050062120</v>
          </cell>
        </row>
        <row r="165">
          <cell r="C165">
            <v>2050062120</v>
          </cell>
        </row>
        <row r="166">
          <cell r="C166">
            <v>2050062609</v>
          </cell>
        </row>
        <row r="167">
          <cell r="C167">
            <v>2050062856</v>
          </cell>
        </row>
        <row r="168">
          <cell r="C168">
            <v>2050063029</v>
          </cell>
        </row>
        <row r="169">
          <cell r="C169">
            <v>2050063136</v>
          </cell>
        </row>
        <row r="170">
          <cell r="C170">
            <v>2050063680</v>
          </cell>
        </row>
        <row r="171">
          <cell r="C171">
            <v>2050063680</v>
          </cell>
        </row>
        <row r="172">
          <cell r="C172">
            <v>2050063995</v>
          </cell>
        </row>
        <row r="173">
          <cell r="C173">
            <v>2050064647</v>
          </cell>
        </row>
        <row r="174">
          <cell r="C174">
            <v>2050065636</v>
          </cell>
        </row>
        <row r="175">
          <cell r="C175">
            <v>2050066337</v>
          </cell>
        </row>
        <row r="176">
          <cell r="C176">
            <v>2050066337</v>
          </cell>
        </row>
        <row r="177">
          <cell r="C177">
            <v>2050066451</v>
          </cell>
        </row>
        <row r="178">
          <cell r="C178">
            <v>2050066865</v>
          </cell>
        </row>
        <row r="179">
          <cell r="C179">
            <v>2050066998</v>
          </cell>
        </row>
        <row r="180">
          <cell r="C180">
            <v>2050067467</v>
          </cell>
        </row>
        <row r="181">
          <cell r="C181">
            <v>2050067905</v>
          </cell>
        </row>
        <row r="182">
          <cell r="C182">
            <v>2050067905</v>
          </cell>
        </row>
        <row r="183">
          <cell r="C183">
            <v>2050068614</v>
          </cell>
        </row>
        <row r="184">
          <cell r="C184">
            <v>2050068614</v>
          </cell>
        </row>
        <row r="185">
          <cell r="C185">
            <v>2050069083</v>
          </cell>
        </row>
        <row r="186">
          <cell r="C186">
            <v>2050069083</v>
          </cell>
        </row>
        <row r="187">
          <cell r="C187">
            <v>2050069570</v>
          </cell>
        </row>
        <row r="188">
          <cell r="C188">
            <v>2050069570</v>
          </cell>
        </row>
        <row r="189">
          <cell r="C189">
            <v>2050069596</v>
          </cell>
        </row>
        <row r="190">
          <cell r="C190">
            <v>2050069596</v>
          </cell>
        </row>
        <row r="191">
          <cell r="C191">
            <v>2050069661</v>
          </cell>
        </row>
        <row r="192">
          <cell r="C192">
            <v>2050069661</v>
          </cell>
        </row>
        <row r="193">
          <cell r="C193">
            <v>2050070057</v>
          </cell>
        </row>
        <row r="194">
          <cell r="C194">
            <v>2050070297</v>
          </cell>
        </row>
        <row r="195">
          <cell r="C195">
            <v>2050070685</v>
          </cell>
        </row>
        <row r="196">
          <cell r="C196">
            <v>2050073093</v>
          </cell>
        </row>
        <row r="197">
          <cell r="C197">
            <v>2050073648</v>
          </cell>
        </row>
        <row r="198">
          <cell r="C198">
            <v>2050073820</v>
          </cell>
        </row>
        <row r="199">
          <cell r="C199">
            <v>2050073820</v>
          </cell>
        </row>
        <row r="200">
          <cell r="C200">
            <v>2050075577</v>
          </cell>
        </row>
        <row r="201">
          <cell r="C201">
            <v>2050075619</v>
          </cell>
        </row>
        <row r="202">
          <cell r="C202">
            <v>2050075619</v>
          </cell>
        </row>
        <row r="203">
          <cell r="C203">
            <v>2050076054</v>
          </cell>
        </row>
        <row r="204">
          <cell r="C204">
            <v>2050076385</v>
          </cell>
        </row>
        <row r="205">
          <cell r="C205">
            <v>2050076385</v>
          </cell>
        </row>
        <row r="206">
          <cell r="C206">
            <v>2050076831</v>
          </cell>
        </row>
        <row r="207">
          <cell r="C207">
            <v>2050076831</v>
          </cell>
        </row>
        <row r="208">
          <cell r="C208">
            <v>2050076856</v>
          </cell>
        </row>
        <row r="209">
          <cell r="C209">
            <v>2050076856</v>
          </cell>
        </row>
        <row r="210">
          <cell r="C210">
            <v>2050076856</v>
          </cell>
        </row>
        <row r="211">
          <cell r="C211">
            <v>2050077888</v>
          </cell>
        </row>
        <row r="212">
          <cell r="C212">
            <v>2050078829</v>
          </cell>
        </row>
        <row r="213">
          <cell r="C213">
            <v>2050078829</v>
          </cell>
        </row>
        <row r="214">
          <cell r="C214">
            <v>2050085907</v>
          </cell>
        </row>
        <row r="215">
          <cell r="C215">
            <v>2050086392</v>
          </cell>
        </row>
        <row r="216">
          <cell r="C216">
            <v>2050086830</v>
          </cell>
        </row>
        <row r="217">
          <cell r="C217">
            <v>2050087317</v>
          </cell>
        </row>
        <row r="218">
          <cell r="C218">
            <v>2050087861</v>
          </cell>
        </row>
        <row r="219">
          <cell r="C219">
            <v>2050087861</v>
          </cell>
        </row>
        <row r="220">
          <cell r="C220">
            <v>2050088653</v>
          </cell>
        </row>
        <row r="221">
          <cell r="C221">
            <v>2050090162</v>
          </cell>
        </row>
        <row r="222">
          <cell r="C222">
            <v>2050090162</v>
          </cell>
        </row>
        <row r="223">
          <cell r="C223">
            <v>2050090410</v>
          </cell>
        </row>
        <row r="224">
          <cell r="C224">
            <v>2050090410</v>
          </cell>
        </row>
        <row r="225">
          <cell r="C225">
            <v>2050090410</v>
          </cell>
        </row>
        <row r="226">
          <cell r="C226">
            <v>2050090600</v>
          </cell>
        </row>
        <row r="227">
          <cell r="C227">
            <v>2050091210</v>
          </cell>
        </row>
        <row r="228">
          <cell r="C228">
            <v>2050091335</v>
          </cell>
        </row>
        <row r="229">
          <cell r="C229">
            <v>2050092374</v>
          </cell>
        </row>
        <row r="230">
          <cell r="C230">
            <v>2050093117</v>
          </cell>
        </row>
        <row r="231">
          <cell r="C231">
            <v>2050093463</v>
          </cell>
        </row>
        <row r="232">
          <cell r="C232">
            <v>2050093463</v>
          </cell>
        </row>
        <row r="233">
          <cell r="C233">
            <v>2050094099</v>
          </cell>
        </row>
        <row r="234">
          <cell r="C234">
            <v>2050094099</v>
          </cell>
        </row>
        <row r="235">
          <cell r="C235">
            <v>2050094834</v>
          </cell>
        </row>
        <row r="236">
          <cell r="C236">
            <v>2050096268</v>
          </cell>
        </row>
        <row r="237">
          <cell r="C237">
            <v>2050096268</v>
          </cell>
        </row>
        <row r="238">
          <cell r="C238">
            <v>2050097126</v>
          </cell>
        </row>
        <row r="239">
          <cell r="C239">
            <v>2050098512</v>
          </cell>
        </row>
        <row r="240">
          <cell r="C240">
            <v>2050098512</v>
          </cell>
        </row>
        <row r="241">
          <cell r="C241">
            <v>2050098512</v>
          </cell>
        </row>
        <row r="242">
          <cell r="C242">
            <v>2050099163</v>
          </cell>
        </row>
        <row r="243">
          <cell r="C243">
            <v>2050099163</v>
          </cell>
        </row>
        <row r="244">
          <cell r="C244">
            <v>2050099395</v>
          </cell>
        </row>
        <row r="245">
          <cell r="C245">
            <v>2050099395</v>
          </cell>
        </row>
        <row r="246">
          <cell r="C246">
            <v>2050099395</v>
          </cell>
        </row>
        <row r="247">
          <cell r="C247">
            <v>2050100276</v>
          </cell>
        </row>
        <row r="248">
          <cell r="C248">
            <v>2050100276</v>
          </cell>
        </row>
        <row r="249">
          <cell r="C249">
            <v>2050100672</v>
          </cell>
        </row>
        <row r="250">
          <cell r="C250">
            <v>2050100961</v>
          </cell>
        </row>
        <row r="251">
          <cell r="C251">
            <v>2050101373</v>
          </cell>
        </row>
        <row r="252">
          <cell r="C252">
            <v>2050103031</v>
          </cell>
        </row>
        <row r="253">
          <cell r="C253">
            <v>2050104815</v>
          </cell>
        </row>
        <row r="254">
          <cell r="C254">
            <v>2050104823</v>
          </cell>
        </row>
        <row r="255">
          <cell r="C255">
            <v>2050104823</v>
          </cell>
        </row>
        <row r="256">
          <cell r="C256">
            <v>2050104823</v>
          </cell>
        </row>
        <row r="257">
          <cell r="C257">
            <v>2050106687</v>
          </cell>
        </row>
        <row r="258">
          <cell r="C258">
            <v>2050106851</v>
          </cell>
        </row>
        <row r="259">
          <cell r="C259">
            <v>2050107586</v>
          </cell>
        </row>
        <row r="260">
          <cell r="C260">
            <v>2050108337</v>
          </cell>
        </row>
        <row r="261">
          <cell r="C261">
            <v>2050110945</v>
          </cell>
        </row>
        <row r="262">
          <cell r="C262">
            <v>2050111992</v>
          </cell>
        </row>
        <row r="263">
          <cell r="C263">
            <v>2050111992</v>
          </cell>
        </row>
        <row r="264">
          <cell r="C264">
            <v>2050112743</v>
          </cell>
        </row>
        <row r="265">
          <cell r="C265">
            <v>2050112743</v>
          </cell>
        </row>
        <row r="266">
          <cell r="C266">
            <v>2050114087</v>
          </cell>
        </row>
        <row r="267">
          <cell r="C267">
            <v>2050114210</v>
          </cell>
        </row>
        <row r="268">
          <cell r="C268">
            <v>2050114517</v>
          </cell>
        </row>
        <row r="269">
          <cell r="C269">
            <v>2050114558</v>
          </cell>
        </row>
        <row r="270">
          <cell r="C270">
            <v>2050115506</v>
          </cell>
        </row>
        <row r="271">
          <cell r="C271">
            <v>2050119631</v>
          </cell>
        </row>
        <row r="272">
          <cell r="C272">
            <v>2050119631</v>
          </cell>
        </row>
        <row r="273">
          <cell r="C273">
            <v>2050119631</v>
          </cell>
        </row>
        <row r="274">
          <cell r="C274">
            <v>2050121025</v>
          </cell>
        </row>
        <row r="275">
          <cell r="C275">
            <v>2050121025</v>
          </cell>
        </row>
        <row r="276">
          <cell r="C276">
            <v>2050126354</v>
          </cell>
        </row>
        <row r="277">
          <cell r="C277">
            <v>2050130174</v>
          </cell>
        </row>
        <row r="278">
          <cell r="C278">
            <v>2050130711</v>
          </cell>
        </row>
        <row r="279">
          <cell r="C279">
            <v>2050130943</v>
          </cell>
        </row>
        <row r="280">
          <cell r="C280">
            <v>2050130943</v>
          </cell>
        </row>
        <row r="281">
          <cell r="C281">
            <v>2050130943</v>
          </cell>
        </row>
        <row r="282">
          <cell r="C282">
            <v>2050131214</v>
          </cell>
        </row>
        <row r="283">
          <cell r="C283">
            <v>2050131214</v>
          </cell>
        </row>
        <row r="284">
          <cell r="C284">
            <v>2050135090</v>
          </cell>
        </row>
        <row r="285">
          <cell r="C285">
            <v>2050139373</v>
          </cell>
        </row>
        <row r="286">
          <cell r="C286">
            <v>2050146121</v>
          </cell>
        </row>
        <row r="287">
          <cell r="C287">
            <v>2050146188</v>
          </cell>
        </row>
        <row r="288">
          <cell r="C288">
            <v>2050146196</v>
          </cell>
        </row>
        <row r="289">
          <cell r="C289">
            <v>2050149620</v>
          </cell>
        </row>
        <row r="290">
          <cell r="C290">
            <v>2050150768</v>
          </cell>
        </row>
        <row r="291">
          <cell r="C291">
            <v>3020000016</v>
          </cell>
        </row>
        <row r="292">
          <cell r="C292">
            <v>3020000244</v>
          </cell>
        </row>
        <row r="293">
          <cell r="C293">
            <v>3020000270</v>
          </cell>
        </row>
        <row r="294">
          <cell r="C294">
            <v>3020000315</v>
          </cell>
        </row>
        <row r="295">
          <cell r="C295">
            <v>3020000341</v>
          </cell>
        </row>
        <row r="296">
          <cell r="C296">
            <v>3020000341</v>
          </cell>
        </row>
        <row r="297">
          <cell r="C297">
            <v>3020000341</v>
          </cell>
        </row>
        <row r="298">
          <cell r="C298">
            <v>3020000351</v>
          </cell>
        </row>
        <row r="299">
          <cell r="C299">
            <v>3020000351</v>
          </cell>
        </row>
        <row r="300">
          <cell r="C300">
            <v>3020000351</v>
          </cell>
        </row>
        <row r="301">
          <cell r="C301">
            <v>3020000403</v>
          </cell>
        </row>
        <row r="302">
          <cell r="C302">
            <v>3020000417</v>
          </cell>
        </row>
        <row r="303">
          <cell r="C303">
            <v>3020000444</v>
          </cell>
        </row>
        <row r="304">
          <cell r="C304">
            <v>3020000449</v>
          </cell>
        </row>
        <row r="305">
          <cell r="C305">
            <v>3020000449</v>
          </cell>
        </row>
        <row r="306">
          <cell r="C306">
            <v>3020000510</v>
          </cell>
        </row>
        <row r="307">
          <cell r="C307">
            <v>3020000669</v>
          </cell>
        </row>
        <row r="308">
          <cell r="C308">
            <v>3020000700</v>
          </cell>
        </row>
        <row r="309">
          <cell r="C309">
            <v>3020000700</v>
          </cell>
        </row>
        <row r="310">
          <cell r="C310">
            <v>3020000700</v>
          </cell>
        </row>
        <row r="311">
          <cell r="C311">
            <v>3020000747</v>
          </cell>
        </row>
        <row r="312">
          <cell r="C312">
            <v>3020000818</v>
          </cell>
        </row>
        <row r="313">
          <cell r="C313">
            <v>3020000958</v>
          </cell>
        </row>
        <row r="314">
          <cell r="C314">
            <v>3020001025</v>
          </cell>
        </row>
        <row r="315">
          <cell r="C315">
            <v>3020001072</v>
          </cell>
        </row>
        <row r="316">
          <cell r="C316">
            <v>3020001073</v>
          </cell>
        </row>
        <row r="317">
          <cell r="C317">
            <v>3020001154</v>
          </cell>
        </row>
        <row r="318">
          <cell r="C318">
            <v>3020001266</v>
          </cell>
        </row>
        <row r="319">
          <cell r="C319">
            <v>3020001266</v>
          </cell>
        </row>
        <row r="320">
          <cell r="C320">
            <v>3020001326</v>
          </cell>
        </row>
        <row r="321">
          <cell r="C321">
            <v>3020001326</v>
          </cell>
        </row>
        <row r="322">
          <cell r="C322">
            <v>3020001343</v>
          </cell>
        </row>
        <row r="323">
          <cell r="C323">
            <v>3020001373</v>
          </cell>
        </row>
        <row r="324">
          <cell r="C324">
            <v>3020001373</v>
          </cell>
        </row>
        <row r="325">
          <cell r="C325">
            <v>3020001397</v>
          </cell>
        </row>
        <row r="326">
          <cell r="C326">
            <v>3020001397</v>
          </cell>
        </row>
        <row r="327">
          <cell r="C327">
            <v>3020001397</v>
          </cell>
        </row>
        <row r="328">
          <cell r="C328">
            <v>3020001446</v>
          </cell>
        </row>
        <row r="329">
          <cell r="C329">
            <v>3020001456</v>
          </cell>
        </row>
        <row r="330">
          <cell r="C330">
            <v>3020001458</v>
          </cell>
        </row>
        <row r="331">
          <cell r="C331">
            <v>3020001471</v>
          </cell>
        </row>
        <row r="332">
          <cell r="C332">
            <v>3020001494</v>
          </cell>
        </row>
        <row r="333">
          <cell r="C333">
            <v>3020001553</v>
          </cell>
        </row>
        <row r="334">
          <cell r="C334">
            <v>3020001764</v>
          </cell>
        </row>
        <row r="335">
          <cell r="C335">
            <v>3020001798</v>
          </cell>
        </row>
        <row r="336">
          <cell r="C336">
            <v>3020001798</v>
          </cell>
        </row>
        <row r="337">
          <cell r="C337">
            <v>3020001798</v>
          </cell>
        </row>
        <row r="338">
          <cell r="C338">
            <v>3020001886</v>
          </cell>
        </row>
        <row r="339">
          <cell r="C339">
            <v>3020001886</v>
          </cell>
        </row>
        <row r="340">
          <cell r="C340">
            <v>3020001913</v>
          </cell>
        </row>
        <row r="341">
          <cell r="C341">
            <v>3020001913</v>
          </cell>
        </row>
        <row r="342">
          <cell r="C342">
            <v>3020001984</v>
          </cell>
        </row>
        <row r="343">
          <cell r="C343">
            <v>3020002018</v>
          </cell>
        </row>
        <row r="344">
          <cell r="C344">
            <v>3020002279</v>
          </cell>
        </row>
        <row r="345">
          <cell r="C345">
            <v>3020003889</v>
          </cell>
        </row>
      </sheetData>
      <sheetData sheetId="7">
        <row r="2">
          <cell r="C2">
            <v>429</v>
          </cell>
        </row>
        <row r="3">
          <cell r="C3">
            <v>492</v>
          </cell>
        </row>
        <row r="4">
          <cell r="C4">
            <v>2050007851</v>
          </cell>
        </row>
        <row r="5">
          <cell r="C5">
            <v>2050007851</v>
          </cell>
        </row>
        <row r="6">
          <cell r="C6">
            <v>2050011259</v>
          </cell>
        </row>
        <row r="7">
          <cell r="C7">
            <v>2050011259</v>
          </cell>
        </row>
        <row r="8">
          <cell r="C8">
            <v>2050011440</v>
          </cell>
        </row>
        <row r="9">
          <cell r="C9">
            <v>2050013636</v>
          </cell>
        </row>
        <row r="10">
          <cell r="C10">
            <v>2050014782</v>
          </cell>
        </row>
        <row r="11">
          <cell r="C11">
            <v>2050017173</v>
          </cell>
        </row>
        <row r="12">
          <cell r="C12">
            <v>2050018320</v>
          </cell>
        </row>
        <row r="13">
          <cell r="C13">
            <v>2050020110</v>
          </cell>
        </row>
        <row r="14">
          <cell r="C14">
            <v>2050020284</v>
          </cell>
        </row>
        <row r="15">
          <cell r="C15">
            <v>2050020284</v>
          </cell>
        </row>
        <row r="16">
          <cell r="C16">
            <v>2050021571</v>
          </cell>
        </row>
        <row r="17">
          <cell r="C17">
            <v>2050021571</v>
          </cell>
        </row>
        <row r="18">
          <cell r="C18">
            <v>2050022330</v>
          </cell>
        </row>
        <row r="19">
          <cell r="C19">
            <v>2050022330</v>
          </cell>
        </row>
        <row r="20">
          <cell r="C20">
            <v>2050022330</v>
          </cell>
        </row>
        <row r="21">
          <cell r="C21">
            <v>2050022710</v>
          </cell>
        </row>
        <row r="22">
          <cell r="C22">
            <v>2050023080</v>
          </cell>
        </row>
        <row r="23">
          <cell r="C23">
            <v>2050023080</v>
          </cell>
        </row>
        <row r="24">
          <cell r="C24">
            <v>2050023197</v>
          </cell>
        </row>
        <row r="25">
          <cell r="C25">
            <v>2050023197</v>
          </cell>
        </row>
        <row r="26">
          <cell r="C26">
            <v>2050025382</v>
          </cell>
        </row>
        <row r="27">
          <cell r="C27">
            <v>2050025531</v>
          </cell>
        </row>
        <row r="28">
          <cell r="C28">
            <v>2050025531</v>
          </cell>
        </row>
        <row r="29">
          <cell r="C29">
            <v>2050025754</v>
          </cell>
        </row>
        <row r="30">
          <cell r="C30">
            <v>2050026117</v>
          </cell>
        </row>
        <row r="31">
          <cell r="C31">
            <v>2050026117</v>
          </cell>
        </row>
        <row r="32">
          <cell r="C32">
            <v>2050026281</v>
          </cell>
        </row>
        <row r="33">
          <cell r="C33">
            <v>2050026281</v>
          </cell>
        </row>
        <row r="34">
          <cell r="C34">
            <v>2050026299</v>
          </cell>
        </row>
        <row r="35">
          <cell r="C35">
            <v>2050026299</v>
          </cell>
        </row>
        <row r="36">
          <cell r="C36">
            <v>2050026299</v>
          </cell>
        </row>
        <row r="37">
          <cell r="C37">
            <v>2050026299</v>
          </cell>
        </row>
        <row r="38">
          <cell r="C38">
            <v>2050027172</v>
          </cell>
        </row>
        <row r="39">
          <cell r="C39">
            <v>2050027669</v>
          </cell>
        </row>
        <row r="40">
          <cell r="C40">
            <v>2050028188</v>
          </cell>
        </row>
        <row r="41">
          <cell r="C41">
            <v>2050029178</v>
          </cell>
        </row>
        <row r="42">
          <cell r="C42">
            <v>2050029244</v>
          </cell>
        </row>
        <row r="43">
          <cell r="C43">
            <v>2050029244</v>
          </cell>
        </row>
        <row r="44">
          <cell r="C44">
            <v>2050029772</v>
          </cell>
        </row>
        <row r="45">
          <cell r="C45">
            <v>2050029772</v>
          </cell>
        </row>
        <row r="46">
          <cell r="C46">
            <v>2050030119</v>
          </cell>
        </row>
        <row r="47">
          <cell r="C47">
            <v>2050030119</v>
          </cell>
        </row>
        <row r="48">
          <cell r="C48">
            <v>2050031018</v>
          </cell>
        </row>
        <row r="49">
          <cell r="C49">
            <v>2050031075</v>
          </cell>
        </row>
        <row r="50">
          <cell r="C50">
            <v>2050031372</v>
          </cell>
        </row>
        <row r="51">
          <cell r="C51">
            <v>2050031539</v>
          </cell>
        </row>
        <row r="52">
          <cell r="C52">
            <v>2050031539</v>
          </cell>
        </row>
        <row r="53">
          <cell r="C53">
            <v>2050031919</v>
          </cell>
        </row>
        <row r="54">
          <cell r="C54">
            <v>2050032107</v>
          </cell>
        </row>
        <row r="55">
          <cell r="C55">
            <v>2050032107</v>
          </cell>
        </row>
        <row r="56">
          <cell r="C56">
            <v>2050032875</v>
          </cell>
        </row>
        <row r="57">
          <cell r="C57">
            <v>2050035357</v>
          </cell>
        </row>
        <row r="58">
          <cell r="C58">
            <v>2050035597</v>
          </cell>
        </row>
        <row r="59">
          <cell r="C59">
            <v>2050035753</v>
          </cell>
        </row>
        <row r="60">
          <cell r="C60">
            <v>2050035985</v>
          </cell>
        </row>
        <row r="61">
          <cell r="C61">
            <v>2050036181</v>
          </cell>
        </row>
        <row r="62">
          <cell r="C62">
            <v>2050036447</v>
          </cell>
        </row>
        <row r="63">
          <cell r="C63">
            <v>2050037361</v>
          </cell>
        </row>
        <row r="64">
          <cell r="C64">
            <v>2050037361</v>
          </cell>
        </row>
        <row r="65">
          <cell r="C65">
            <v>2050037403</v>
          </cell>
        </row>
        <row r="66">
          <cell r="C66">
            <v>2050037650</v>
          </cell>
        </row>
        <row r="67">
          <cell r="C67">
            <v>2050037718</v>
          </cell>
        </row>
        <row r="68">
          <cell r="C68">
            <v>2050038153</v>
          </cell>
        </row>
        <row r="69">
          <cell r="C69">
            <v>2050038880</v>
          </cell>
        </row>
        <row r="70">
          <cell r="C70">
            <v>2050039037</v>
          </cell>
        </row>
        <row r="71">
          <cell r="C71">
            <v>2050039037</v>
          </cell>
        </row>
        <row r="72">
          <cell r="C72">
            <v>2050039037</v>
          </cell>
        </row>
        <row r="73">
          <cell r="C73">
            <v>2050039219</v>
          </cell>
        </row>
        <row r="74">
          <cell r="C74">
            <v>2050039326</v>
          </cell>
        </row>
        <row r="75">
          <cell r="C75">
            <v>2050039599</v>
          </cell>
        </row>
        <row r="76">
          <cell r="C76">
            <v>2050039888</v>
          </cell>
        </row>
        <row r="77">
          <cell r="C77">
            <v>2050040605</v>
          </cell>
        </row>
        <row r="78">
          <cell r="C78">
            <v>2050040696</v>
          </cell>
        </row>
        <row r="79">
          <cell r="C79">
            <v>2050040787</v>
          </cell>
        </row>
        <row r="80">
          <cell r="C80">
            <v>2050041124</v>
          </cell>
        </row>
        <row r="81">
          <cell r="C81">
            <v>2050041215</v>
          </cell>
        </row>
        <row r="82">
          <cell r="C82">
            <v>2050041660</v>
          </cell>
        </row>
        <row r="83">
          <cell r="C83">
            <v>2050042585</v>
          </cell>
        </row>
        <row r="84">
          <cell r="C84">
            <v>2050042692</v>
          </cell>
        </row>
        <row r="85">
          <cell r="C85">
            <v>2050042692</v>
          </cell>
        </row>
        <row r="86">
          <cell r="C86">
            <v>2050043377</v>
          </cell>
        </row>
        <row r="87">
          <cell r="C87">
            <v>2050043674</v>
          </cell>
        </row>
        <row r="88">
          <cell r="C88">
            <v>2050043930</v>
          </cell>
        </row>
        <row r="89">
          <cell r="C89">
            <v>2050043930</v>
          </cell>
        </row>
        <row r="90">
          <cell r="C90">
            <v>2050043948</v>
          </cell>
        </row>
        <row r="91">
          <cell r="C91">
            <v>2050043948</v>
          </cell>
        </row>
        <row r="92">
          <cell r="C92">
            <v>2050044185</v>
          </cell>
        </row>
        <row r="93">
          <cell r="C93">
            <v>2050044185</v>
          </cell>
        </row>
        <row r="94">
          <cell r="C94">
            <v>2050044284</v>
          </cell>
        </row>
        <row r="95">
          <cell r="C95">
            <v>2050044284</v>
          </cell>
        </row>
        <row r="96">
          <cell r="C96">
            <v>2050044292</v>
          </cell>
        </row>
        <row r="97">
          <cell r="C97">
            <v>2050044524</v>
          </cell>
        </row>
        <row r="98">
          <cell r="C98">
            <v>2050045133</v>
          </cell>
        </row>
        <row r="99">
          <cell r="C99">
            <v>2050045489</v>
          </cell>
        </row>
        <row r="100">
          <cell r="C100">
            <v>2050045604</v>
          </cell>
        </row>
        <row r="101">
          <cell r="C101">
            <v>2050046008</v>
          </cell>
        </row>
        <row r="102">
          <cell r="C102">
            <v>2050046453</v>
          </cell>
        </row>
        <row r="103">
          <cell r="C103">
            <v>2050046537</v>
          </cell>
        </row>
        <row r="104">
          <cell r="C104">
            <v>2050046768</v>
          </cell>
        </row>
        <row r="105">
          <cell r="C105">
            <v>2050046792</v>
          </cell>
        </row>
        <row r="106">
          <cell r="C106">
            <v>2050047162</v>
          </cell>
        </row>
        <row r="107">
          <cell r="C107">
            <v>2050047162</v>
          </cell>
        </row>
        <row r="108">
          <cell r="C108">
            <v>2050049036</v>
          </cell>
        </row>
        <row r="109">
          <cell r="C109">
            <v>2050049085</v>
          </cell>
        </row>
        <row r="110">
          <cell r="C110">
            <v>2050049093</v>
          </cell>
        </row>
        <row r="111">
          <cell r="C111">
            <v>2050049093</v>
          </cell>
        </row>
        <row r="112">
          <cell r="C112">
            <v>2050049259</v>
          </cell>
        </row>
        <row r="113">
          <cell r="C113">
            <v>2050049655</v>
          </cell>
        </row>
        <row r="114">
          <cell r="C114">
            <v>2050050968</v>
          </cell>
        </row>
        <row r="115">
          <cell r="C115">
            <v>2050050968</v>
          </cell>
        </row>
        <row r="116">
          <cell r="C116">
            <v>2050051099</v>
          </cell>
        </row>
        <row r="117">
          <cell r="C117">
            <v>2050051099</v>
          </cell>
        </row>
        <row r="118">
          <cell r="C118">
            <v>2050051099</v>
          </cell>
        </row>
        <row r="119">
          <cell r="C119">
            <v>2050051131</v>
          </cell>
        </row>
        <row r="120">
          <cell r="C120">
            <v>2050051396</v>
          </cell>
        </row>
        <row r="121">
          <cell r="C121">
            <v>2050051396</v>
          </cell>
        </row>
        <row r="122">
          <cell r="C122">
            <v>2050051701</v>
          </cell>
        </row>
        <row r="123">
          <cell r="C123">
            <v>2050051701</v>
          </cell>
        </row>
        <row r="124">
          <cell r="C124">
            <v>2050051974</v>
          </cell>
        </row>
        <row r="125">
          <cell r="C125">
            <v>2050052147</v>
          </cell>
        </row>
        <row r="126">
          <cell r="C126">
            <v>2050052147</v>
          </cell>
        </row>
        <row r="127">
          <cell r="C127">
            <v>2050052311</v>
          </cell>
        </row>
        <row r="128">
          <cell r="C128">
            <v>2050054515</v>
          </cell>
        </row>
        <row r="129">
          <cell r="C129">
            <v>2050054978</v>
          </cell>
        </row>
        <row r="130">
          <cell r="C130">
            <v>2050056155</v>
          </cell>
        </row>
        <row r="131">
          <cell r="C131">
            <v>2050056155</v>
          </cell>
        </row>
        <row r="132">
          <cell r="C132">
            <v>2050057658</v>
          </cell>
        </row>
        <row r="133">
          <cell r="C133">
            <v>2050057815</v>
          </cell>
        </row>
        <row r="134">
          <cell r="C134">
            <v>2050057898</v>
          </cell>
        </row>
        <row r="135">
          <cell r="C135">
            <v>2050058102</v>
          </cell>
        </row>
        <row r="136">
          <cell r="C136">
            <v>2050058169</v>
          </cell>
        </row>
        <row r="137">
          <cell r="C137">
            <v>2050058169</v>
          </cell>
        </row>
        <row r="138">
          <cell r="C138">
            <v>2050058250</v>
          </cell>
        </row>
        <row r="139">
          <cell r="C139">
            <v>2050058300</v>
          </cell>
        </row>
        <row r="140">
          <cell r="C140">
            <v>2050058300</v>
          </cell>
        </row>
        <row r="141">
          <cell r="C141">
            <v>2050058342</v>
          </cell>
        </row>
        <row r="142">
          <cell r="C142">
            <v>2050058342</v>
          </cell>
        </row>
        <row r="143">
          <cell r="C143">
            <v>2050058342</v>
          </cell>
        </row>
        <row r="144">
          <cell r="C144">
            <v>2050059035</v>
          </cell>
        </row>
        <row r="145">
          <cell r="C145">
            <v>2050059035</v>
          </cell>
        </row>
        <row r="146">
          <cell r="C146">
            <v>2050059514</v>
          </cell>
        </row>
        <row r="147">
          <cell r="C147">
            <v>2050059514</v>
          </cell>
        </row>
        <row r="148">
          <cell r="C148">
            <v>2050059928</v>
          </cell>
        </row>
        <row r="149">
          <cell r="C149">
            <v>2050060009</v>
          </cell>
        </row>
        <row r="150">
          <cell r="C150">
            <v>2050060009</v>
          </cell>
        </row>
        <row r="151">
          <cell r="C151">
            <v>2050060421</v>
          </cell>
        </row>
        <row r="152">
          <cell r="C152">
            <v>2050060439</v>
          </cell>
        </row>
        <row r="153">
          <cell r="C153">
            <v>2050060645</v>
          </cell>
        </row>
        <row r="154">
          <cell r="C154">
            <v>2050060934</v>
          </cell>
        </row>
        <row r="155">
          <cell r="C155">
            <v>2050060934</v>
          </cell>
        </row>
        <row r="156">
          <cell r="C156">
            <v>2050060934</v>
          </cell>
        </row>
        <row r="157">
          <cell r="C157">
            <v>2050060959</v>
          </cell>
        </row>
        <row r="158">
          <cell r="C158">
            <v>2050061031</v>
          </cell>
        </row>
        <row r="159">
          <cell r="C159">
            <v>2050061031</v>
          </cell>
        </row>
        <row r="160">
          <cell r="C160">
            <v>2050061353</v>
          </cell>
        </row>
        <row r="161">
          <cell r="C161">
            <v>2050061353</v>
          </cell>
        </row>
        <row r="162">
          <cell r="C162">
            <v>2050061445</v>
          </cell>
        </row>
        <row r="163">
          <cell r="C163">
            <v>2050061577</v>
          </cell>
        </row>
        <row r="164">
          <cell r="C164">
            <v>2050062120</v>
          </cell>
        </row>
        <row r="165">
          <cell r="C165">
            <v>2050062609</v>
          </cell>
        </row>
        <row r="166">
          <cell r="C166">
            <v>2050062856</v>
          </cell>
        </row>
        <row r="167">
          <cell r="C167">
            <v>2050063029</v>
          </cell>
        </row>
        <row r="168">
          <cell r="C168">
            <v>2050063680</v>
          </cell>
        </row>
        <row r="169">
          <cell r="C169">
            <v>2050063680</v>
          </cell>
        </row>
        <row r="170">
          <cell r="C170">
            <v>2050063995</v>
          </cell>
        </row>
        <row r="171">
          <cell r="C171">
            <v>2050064647</v>
          </cell>
        </row>
        <row r="172">
          <cell r="C172">
            <v>2050065636</v>
          </cell>
        </row>
        <row r="173">
          <cell r="C173">
            <v>2050066337</v>
          </cell>
        </row>
        <row r="174">
          <cell r="C174">
            <v>2050066337</v>
          </cell>
        </row>
        <row r="175">
          <cell r="C175">
            <v>2050066451</v>
          </cell>
        </row>
        <row r="176">
          <cell r="C176">
            <v>2050066865</v>
          </cell>
        </row>
        <row r="177">
          <cell r="C177">
            <v>2050066998</v>
          </cell>
        </row>
        <row r="178">
          <cell r="C178">
            <v>2050067467</v>
          </cell>
        </row>
        <row r="179">
          <cell r="C179">
            <v>2050067905</v>
          </cell>
        </row>
        <row r="180">
          <cell r="C180">
            <v>2050067905</v>
          </cell>
        </row>
        <row r="181">
          <cell r="C181">
            <v>2050068614</v>
          </cell>
        </row>
        <row r="182">
          <cell r="C182">
            <v>2050068614</v>
          </cell>
        </row>
        <row r="183">
          <cell r="C183">
            <v>2050069083</v>
          </cell>
        </row>
        <row r="184">
          <cell r="C184">
            <v>2050069083</v>
          </cell>
        </row>
        <row r="185">
          <cell r="C185">
            <v>2050069570</v>
          </cell>
        </row>
        <row r="186">
          <cell r="C186">
            <v>2050069570</v>
          </cell>
        </row>
        <row r="187">
          <cell r="C187">
            <v>2050069596</v>
          </cell>
        </row>
        <row r="188">
          <cell r="C188">
            <v>2050069596</v>
          </cell>
        </row>
        <row r="189">
          <cell r="C189">
            <v>2050069661</v>
          </cell>
        </row>
        <row r="190">
          <cell r="C190">
            <v>2050069661</v>
          </cell>
        </row>
        <row r="191">
          <cell r="C191">
            <v>2050070057</v>
          </cell>
        </row>
        <row r="192">
          <cell r="C192">
            <v>2050070297</v>
          </cell>
        </row>
        <row r="193">
          <cell r="C193">
            <v>2050070685</v>
          </cell>
        </row>
        <row r="194">
          <cell r="C194">
            <v>2050073093</v>
          </cell>
        </row>
        <row r="195">
          <cell r="C195">
            <v>2050073622</v>
          </cell>
        </row>
        <row r="196">
          <cell r="C196">
            <v>2050073648</v>
          </cell>
        </row>
        <row r="197">
          <cell r="C197">
            <v>2050073820</v>
          </cell>
        </row>
        <row r="198">
          <cell r="C198">
            <v>2050073820</v>
          </cell>
        </row>
        <row r="199">
          <cell r="C199">
            <v>2050075577</v>
          </cell>
        </row>
        <row r="200">
          <cell r="C200">
            <v>2050075619</v>
          </cell>
        </row>
        <row r="201">
          <cell r="C201">
            <v>2050075619</v>
          </cell>
        </row>
        <row r="202">
          <cell r="C202">
            <v>2050076161</v>
          </cell>
        </row>
        <row r="203">
          <cell r="C203">
            <v>2050076385</v>
          </cell>
        </row>
        <row r="204">
          <cell r="C204">
            <v>2050076385</v>
          </cell>
        </row>
        <row r="205">
          <cell r="C205">
            <v>2050076856</v>
          </cell>
        </row>
        <row r="206">
          <cell r="C206">
            <v>2050076856</v>
          </cell>
        </row>
        <row r="207">
          <cell r="C207">
            <v>2050076856</v>
          </cell>
        </row>
        <row r="208">
          <cell r="C208">
            <v>2050077888</v>
          </cell>
        </row>
        <row r="209">
          <cell r="C209">
            <v>2050078829</v>
          </cell>
        </row>
        <row r="210">
          <cell r="C210">
            <v>2050078829</v>
          </cell>
        </row>
        <row r="211">
          <cell r="C211">
            <v>2050085907</v>
          </cell>
        </row>
        <row r="212">
          <cell r="C212">
            <v>2050086392</v>
          </cell>
        </row>
        <row r="213">
          <cell r="C213">
            <v>2050086830</v>
          </cell>
        </row>
        <row r="214">
          <cell r="C214">
            <v>2050087317</v>
          </cell>
        </row>
        <row r="215">
          <cell r="C215">
            <v>2050087861</v>
          </cell>
        </row>
        <row r="216">
          <cell r="C216">
            <v>2050087861</v>
          </cell>
        </row>
        <row r="217">
          <cell r="C217">
            <v>2050088653</v>
          </cell>
        </row>
        <row r="218">
          <cell r="C218">
            <v>2050089800</v>
          </cell>
        </row>
        <row r="219">
          <cell r="C219">
            <v>2050089800</v>
          </cell>
        </row>
        <row r="220">
          <cell r="C220">
            <v>2050090162</v>
          </cell>
        </row>
        <row r="221">
          <cell r="C221">
            <v>2050090162</v>
          </cell>
        </row>
        <row r="222">
          <cell r="C222">
            <v>2050090410</v>
          </cell>
        </row>
        <row r="223">
          <cell r="C223">
            <v>2050090410</v>
          </cell>
        </row>
        <row r="224">
          <cell r="C224">
            <v>2050090600</v>
          </cell>
        </row>
        <row r="225">
          <cell r="C225">
            <v>2050091210</v>
          </cell>
        </row>
        <row r="226">
          <cell r="C226">
            <v>2050091335</v>
          </cell>
        </row>
        <row r="227">
          <cell r="C227">
            <v>2050092374</v>
          </cell>
        </row>
        <row r="228">
          <cell r="C228">
            <v>2050093117</v>
          </cell>
        </row>
        <row r="229">
          <cell r="C229">
            <v>2050093463</v>
          </cell>
        </row>
        <row r="230">
          <cell r="C230">
            <v>2050093463</v>
          </cell>
        </row>
        <row r="231">
          <cell r="C231">
            <v>2050094099</v>
          </cell>
        </row>
        <row r="232">
          <cell r="C232">
            <v>2050094099</v>
          </cell>
        </row>
        <row r="233">
          <cell r="C233">
            <v>2050094834</v>
          </cell>
        </row>
        <row r="234">
          <cell r="C234">
            <v>2050096268</v>
          </cell>
        </row>
        <row r="235">
          <cell r="C235">
            <v>2050096268</v>
          </cell>
        </row>
        <row r="236">
          <cell r="C236">
            <v>2050097126</v>
          </cell>
        </row>
        <row r="237">
          <cell r="C237">
            <v>2050097126</v>
          </cell>
        </row>
        <row r="238">
          <cell r="C238">
            <v>2050098512</v>
          </cell>
        </row>
        <row r="239">
          <cell r="C239">
            <v>2050098512</v>
          </cell>
        </row>
        <row r="240">
          <cell r="C240">
            <v>2050098512</v>
          </cell>
        </row>
        <row r="241">
          <cell r="C241">
            <v>2050099163</v>
          </cell>
        </row>
        <row r="242">
          <cell r="C242">
            <v>2050099163</v>
          </cell>
        </row>
        <row r="243">
          <cell r="C243">
            <v>2050099395</v>
          </cell>
        </row>
        <row r="244">
          <cell r="C244">
            <v>2050099395</v>
          </cell>
        </row>
        <row r="245">
          <cell r="C245">
            <v>2050099395</v>
          </cell>
        </row>
        <row r="246">
          <cell r="C246">
            <v>2050100276</v>
          </cell>
        </row>
        <row r="247">
          <cell r="C247">
            <v>2050100276</v>
          </cell>
        </row>
        <row r="248">
          <cell r="C248">
            <v>2050100672</v>
          </cell>
        </row>
        <row r="249">
          <cell r="C249">
            <v>2050100961</v>
          </cell>
        </row>
        <row r="250">
          <cell r="C250">
            <v>2050101373</v>
          </cell>
        </row>
        <row r="251">
          <cell r="C251">
            <v>2050103031</v>
          </cell>
        </row>
        <row r="252">
          <cell r="C252">
            <v>2050104815</v>
          </cell>
        </row>
        <row r="253">
          <cell r="C253">
            <v>2050104823</v>
          </cell>
        </row>
        <row r="254">
          <cell r="C254">
            <v>2050104823</v>
          </cell>
        </row>
        <row r="255">
          <cell r="C255">
            <v>2050104823</v>
          </cell>
        </row>
        <row r="256">
          <cell r="C256">
            <v>2050106687</v>
          </cell>
        </row>
        <row r="257">
          <cell r="C257">
            <v>2050106851</v>
          </cell>
        </row>
        <row r="258">
          <cell r="C258">
            <v>2050107586</v>
          </cell>
        </row>
        <row r="259">
          <cell r="C259">
            <v>2050108337</v>
          </cell>
        </row>
        <row r="260">
          <cell r="C260">
            <v>2050110945</v>
          </cell>
        </row>
        <row r="261">
          <cell r="C261">
            <v>2050111992</v>
          </cell>
        </row>
        <row r="262">
          <cell r="C262">
            <v>2050111992</v>
          </cell>
        </row>
        <row r="263">
          <cell r="C263">
            <v>2050112743</v>
          </cell>
        </row>
        <row r="264">
          <cell r="C264">
            <v>2050114210</v>
          </cell>
        </row>
        <row r="265">
          <cell r="C265">
            <v>2050114517</v>
          </cell>
        </row>
        <row r="266">
          <cell r="C266">
            <v>2050114558</v>
          </cell>
        </row>
        <row r="267">
          <cell r="C267">
            <v>2050115506</v>
          </cell>
        </row>
        <row r="268">
          <cell r="C268">
            <v>2050115761</v>
          </cell>
        </row>
        <row r="269">
          <cell r="C269">
            <v>2050119631</v>
          </cell>
        </row>
        <row r="270">
          <cell r="C270">
            <v>2050119631</v>
          </cell>
        </row>
        <row r="271">
          <cell r="C271">
            <v>2050121025</v>
          </cell>
        </row>
        <row r="272">
          <cell r="C272">
            <v>2050126354</v>
          </cell>
        </row>
        <row r="273">
          <cell r="C273">
            <v>2050130174</v>
          </cell>
        </row>
        <row r="274">
          <cell r="C274">
            <v>2050130711</v>
          </cell>
        </row>
        <row r="275">
          <cell r="C275">
            <v>2050130943</v>
          </cell>
        </row>
        <row r="276">
          <cell r="C276">
            <v>2050130943</v>
          </cell>
        </row>
        <row r="277">
          <cell r="C277">
            <v>2050130943</v>
          </cell>
        </row>
        <row r="278">
          <cell r="C278">
            <v>2050131214</v>
          </cell>
        </row>
        <row r="279">
          <cell r="C279">
            <v>2050131214</v>
          </cell>
        </row>
        <row r="280">
          <cell r="C280">
            <v>2050139373</v>
          </cell>
        </row>
        <row r="281">
          <cell r="C281">
            <v>2050146121</v>
          </cell>
        </row>
        <row r="282">
          <cell r="C282">
            <v>2050146188</v>
          </cell>
        </row>
        <row r="283">
          <cell r="C283">
            <v>2050146196</v>
          </cell>
        </row>
        <row r="284">
          <cell r="C284">
            <v>2050149620</v>
          </cell>
        </row>
        <row r="285">
          <cell r="C285">
            <v>2050150768</v>
          </cell>
        </row>
        <row r="286">
          <cell r="C286">
            <v>3020000016</v>
          </cell>
        </row>
        <row r="287">
          <cell r="C287">
            <v>3020000244</v>
          </cell>
        </row>
        <row r="288">
          <cell r="C288">
            <v>3020000270</v>
          </cell>
        </row>
        <row r="289">
          <cell r="C289">
            <v>3020000315</v>
          </cell>
        </row>
        <row r="290">
          <cell r="C290">
            <v>3020000341</v>
          </cell>
        </row>
        <row r="291">
          <cell r="C291">
            <v>3020000341</v>
          </cell>
        </row>
        <row r="292">
          <cell r="C292">
            <v>3020000341</v>
          </cell>
        </row>
        <row r="293">
          <cell r="C293">
            <v>3020000351</v>
          </cell>
        </row>
        <row r="294">
          <cell r="C294">
            <v>3020000351</v>
          </cell>
        </row>
        <row r="295">
          <cell r="C295">
            <v>3020000351</v>
          </cell>
        </row>
        <row r="296">
          <cell r="C296">
            <v>3020000351</v>
          </cell>
        </row>
        <row r="297">
          <cell r="C297">
            <v>3020000403</v>
          </cell>
        </row>
        <row r="298">
          <cell r="C298">
            <v>3020000417</v>
          </cell>
        </row>
        <row r="299">
          <cell r="C299">
            <v>3020000444</v>
          </cell>
        </row>
        <row r="300">
          <cell r="C300">
            <v>3020000449</v>
          </cell>
        </row>
        <row r="301">
          <cell r="C301">
            <v>3020000449</v>
          </cell>
        </row>
        <row r="302">
          <cell r="C302">
            <v>3020000510</v>
          </cell>
        </row>
        <row r="303">
          <cell r="C303">
            <v>3020000669</v>
          </cell>
        </row>
        <row r="304">
          <cell r="C304">
            <v>3020000700</v>
          </cell>
        </row>
        <row r="305">
          <cell r="C305">
            <v>3020000700</v>
          </cell>
        </row>
        <row r="306">
          <cell r="C306">
            <v>3020000700</v>
          </cell>
        </row>
        <row r="307">
          <cell r="C307">
            <v>3020000747</v>
          </cell>
        </row>
        <row r="308">
          <cell r="C308">
            <v>3020000818</v>
          </cell>
        </row>
        <row r="309">
          <cell r="C309">
            <v>3020000958</v>
          </cell>
        </row>
        <row r="310">
          <cell r="C310">
            <v>3020001025</v>
          </cell>
        </row>
        <row r="311">
          <cell r="C311">
            <v>3020001072</v>
          </cell>
        </row>
        <row r="312">
          <cell r="C312">
            <v>3020001073</v>
          </cell>
        </row>
        <row r="313">
          <cell r="C313">
            <v>3020001074</v>
          </cell>
        </row>
        <row r="314">
          <cell r="C314">
            <v>3020001074</v>
          </cell>
        </row>
        <row r="315">
          <cell r="C315">
            <v>3020001154</v>
          </cell>
        </row>
        <row r="316">
          <cell r="C316">
            <v>3020001266</v>
          </cell>
        </row>
        <row r="317">
          <cell r="C317">
            <v>3020001266</v>
          </cell>
        </row>
        <row r="318">
          <cell r="C318">
            <v>3020001373</v>
          </cell>
        </row>
        <row r="319">
          <cell r="C319">
            <v>3020001373</v>
          </cell>
        </row>
        <row r="320">
          <cell r="C320">
            <v>3020001397</v>
          </cell>
        </row>
        <row r="321">
          <cell r="C321">
            <v>3020001397</v>
          </cell>
        </row>
        <row r="322">
          <cell r="C322">
            <v>3020001397</v>
          </cell>
        </row>
        <row r="323">
          <cell r="C323">
            <v>3020001446</v>
          </cell>
        </row>
        <row r="324">
          <cell r="C324">
            <v>3020001456</v>
          </cell>
        </row>
        <row r="325">
          <cell r="C325">
            <v>3020001458</v>
          </cell>
        </row>
        <row r="326">
          <cell r="C326">
            <v>3020001471</v>
          </cell>
        </row>
        <row r="327">
          <cell r="C327">
            <v>3020001494</v>
          </cell>
        </row>
        <row r="328">
          <cell r="C328">
            <v>3020001553</v>
          </cell>
        </row>
        <row r="329">
          <cell r="C329">
            <v>3020001554</v>
          </cell>
        </row>
        <row r="330">
          <cell r="C330">
            <v>3020001764</v>
          </cell>
        </row>
        <row r="331">
          <cell r="C331">
            <v>3020001798</v>
          </cell>
        </row>
        <row r="332">
          <cell r="C332">
            <v>3020001798</v>
          </cell>
        </row>
        <row r="333">
          <cell r="C333">
            <v>3020001798</v>
          </cell>
        </row>
        <row r="334">
          <cell r="C334">
            <v>3020001886</v>
          </cell>
        </row>
        <row r="335">
          <cell r="C335">
            <v>3020001886</v>
          </cell>
        </row>
        <row r="336">
          <cell r="C336">
            <v>3020001913</v>
          </cell>
        </row>
        <row r="337">
          <cell r="C337">
            <v>3020001913</v>
          </cell>
        </row>
        <row r="338">
          <cell r="C338">
            <v>3020001984</v>
          </cell>
        </row>
        <row r="339">
          <cell r="C339">
            <v>3020002018</v>
          </cell>
        </row>
        <row r="340">
          <cell r="C340">
            <v>3020002026</v>
          </cell>
        </row>
        <row r="341">
          <cell r="C341">
            <v>3020002279</v>
          </cell>
        </row>
        <row r="342">
          <cell r="C342">
            <v>3020003889</v>
          </cell>
        </row>
        <row r="343">
          <cell r="C343">
            <v>2050048442</v>
          </cell>
        </row>
      </sheetData>
      <sheetData sheetId="8">
        <row r="2">
          <cell r="C2">
            <v>429</v>
          </cell>
        </row>
        <row r="3">
          <cell r="C3">
            <v>492</v>
          </cell>
        </row>
        <row r="4">
          <cell r="C4">
            <v>2050007851</v>
          </cell>
        </row>
        <row r="5">
          <cell r="C5">
            <v>2050007851</v>
          </cell>
        </row>
        <row r="6">
          <cell r="C6">
            <v>2050011259</v>
          </cell>
        </row>
        <row r="7">
          <cell r="C7">
            <v>2050011259</v>
          </cell>
        </row>
        <row r="8">
          <cell r="C8">
            <v>2050011440</v>
          </cell>
        </row>
        <row r="9">
          <cell r="C9">
            <v>2050013636</v>
          </cell>
        </row>
        <row r="10">
          <cell r="C10">
            <v>2050017173</v>
          </cell>
        </row>
        <row r="11">
          <cell r="C11">
            <v>2050018320</v>
          </cell>
        </row>
        <row r="12">
          <cell r="C12">
            <v>2050020110</v>
          </cell>
        </row>
        <row r="13">
          <cell r="C13">
            <v>2050020284</v>
          </cell>
        </row>
        <row r="14">
          <cell r="C14">
            <v>2050020284</v>
          </cell>
        </row>
        <row r="15">
          <cell r="C15">
            <v>2050021571</v>
          </cell>
        </row>
        <row r="16">
          <cell r="C16">
            <v>2050021571</v>
          </cell>
        </row>
        <row r="17">
          <cell r="C17">
            <v>2050022330</v>
          </cell>
        </row>
        <row r="18">
          <cell r="C18">
            <v>2050022330</v>
          </cell>
        </row>
        <row r="19">
          <cell r="C19">
            <v>2050022330</v>
          </cell>
        </row>
        <row r="20">
          <cell r="C20">
            <v>2050022710</v>
          </cell>
        </row>
        <row r="21">
          <cell r="C21">
            <v>2050023080</v>
          </cell>
        </row>
        <row r="22">
          <cell r="C22">
            <v>2050023080</v>
          </cell>
        </row>
        <row r="23">
          <cell r="C23">
            <v>2050023197</v>
          </cell>
        </row>
        <row r="24">
          <cell r="C24">
            <v>2050023197</v>
          </cell>
        </row>
        <row r="25">
          <cell r="C25">
            <v>2050025382</v>
          </cell>
        </row>
        <row r="26">
          <cell r="C26">
            <v>2050025531</v>
          </cell>
        </row>
        <row r="27">
          <cell r="C27">
            <v>2050025754</v>
          </cell>
        </row>
        <row r="28">
          <cell r="C28">
            <v>2050026117</v>
          </cell>
        </row>
        <row r="29">
          <cell r="C29">
            <v>2050026117</v>
          </cell>
        </row>
        <row r="30">
          <cell r="C30">
            <v>2050026281</v>
          </cell>
        </row>
        <row r="31">
          <cell r="C31">
            <v>2050026281</v>
          </cell>
        </row>
        <row r="32">
          <cell r="C32">
            <v>2050026299</v>
          </cell>
        </row>
        <row r="33">
          <cell r="C33">
            <v>2050026299</v>
          </cell>
        </row>
        <row r="34">
          <cell r="C34">
            <v>2050026299</v>
          </cell>
        </row>
        <row r="35">
          <cell r="C35">
            <v>2050026299</v>
          </cell>
        </row>
        <row r="36">
          <cell r="C36">
            <v>2050027172</v>
          </cell>
        </row>
        <row r="37">
          <cell r="C37">
            <v>2050027669</v>
          </cell>
        </row>
        <row r="38">
          <cell r="C38">
            <v>2050028188</v>
          </cell>
        </row>
        <row r="39">
          <cell r="C39">
            <v>2050028634</v>
          </cell>
        </row>
        <row r="40">
          <cell r="C40">
            <v>2050029178</v>
          </cell>
        </row>
        <row r="41">
          <cell r="C41">
            <v>2050029244</v>
          </cell>
        </row>
        <row r="42">
          <cell r="C42">
            <v>2050029772</v>
          </cell>
        </row>
        <row r="43">
          <cell r="C43">
            <v>2050029772</v>
          </cell>
        </row>
        <row r="44">
          <cell r="C44">
            <v>2050030119</v>
          </cell>
        </row>
        <row r="45">
          <cell r="C45">
            <v>2050030119</v>
          </cell>
        </row>
        <row r="46">
          <cell r="C46">
            <v>2050031018</v>
          </cell>
        </row>
        <row r="47">
          <cell r="C47">
            <v>2050031075</v>
          </cell>
        </row>
        <row r="48">
          <cell r="C48">
            <v>2050031372</v>
          </cell>
        </row>
        <row r="49">
          <cell r="C49">
            <v>2050031539</v>
          </cell>
        </row>
        <row r="50">
          <cell r="C50">
            <v>2050031919</v>
          </cell>
        </row>
        <row r="51">
          <cell r="C51">
            <v>2050032107</v>
          </cell>
        </row>
        <row r="52">
          <cell r="C52">
            <v>2050032107</v>
          </cell>
        </row>
        <row r="53">
          <cell r="C53">
            <v>2050032875</v>
          </cell>
        </row>
        <row r="54">
          <cell r="C54">
            <v>2050034616</v>
          </cell>
        </row>
        <row r="55">
          <cell r="C55">
            <v>2050034616</v>
          </cell>
        </row>
        <row r="56">
          <cell r="C56">
            <v>2050035001</v>
          </cell>
        </row>
        <row r="57">
          <cell r="C57">
            <v>2050035001</v>
          </cell>
        </row>
        <row r="58">
          <cell r="C58">
            <v>2050035357</v>
          </cell>
        </row>
        <row r="59">
          <cell r="C59">
            <v>2050035597</v>
          </cell>
        </row>
        <row r="60">
          <cell r="C60">
            <v>2050035753</v>
          </cell>
        </row>
        <row r="61">
          <cell r="C61">
            <v>2050035985</v>
          </cell>
        </row>
        <row r="62">
          <cell r="C62">
            <v>2050036181</v>
          </cell>
        </row>
        <row r="63">
          <cell r="C63">
            <v>2050036447</v>
          </cell>
        </row>
        <row r="64">
          <cell r="C64">
            <v>2050037361</v>
          </cell>
        </row>
        <row r="65">
          <cell r="C65">
            <v>2050037361</v>
          </cell>
        </row>
        <row r="66">
          <cell r="C66">
            <v>2050037403</v>
          </cell>
        </row>
        <row r="67">
          <cell r="C67">
            <v>2050037650</v>
          </cell>
        </row>
        <row r="68">
          <cell r="C68">
            <v>2050037718</v>
          </cell>
        </row>
        <row r="69">
          <cell r="C69">
            <v>2050038153</v>
          </cell>
        </row>
        <row r="70">
          <cell r="C70">
            <v>2050038880</v>
          </cell>
        </row>
        <row r="71">
          <cell r="C71">
            <v>2050039037</v>
          </cell>
        </row>
        <row r="72">
          <cell r="C72">
            <v>2050039037</v>
          </cell>
        </row>
        <row r="73">
          <cell r="C73">
            <v>2050039037</v>
          </cell>
        </row>
        <row r="74">
          <cell r="C74">
            <v>2050039219</v>
          </cell>
        </row>
        <row r="75">
          <cell r="C75">
            <v>2050039326</v>
          </cell>
        </row>
        <row r="76">
          <cell r="C76">
            <v>2050039599</v>
          </cell>
        </row>
        <row r="77">
          <cell r="C77">
            <v>2050039888</v>
          </cell>
        </row>
        <row r="78">
          <cell r="C78">
            <v>2050040605</v>
          </cell>
        </row>
        <row r="79">
          <cell r="C79">
            <v>2050040605</v>
          </cell>
        </row>
        <row r="80">
          <cell r="C80">
            <v>2050040696</v>
          </cell>
        </row>
        <row r="81">
          <cell r="C81">
            <v>2050041124</v>
          </cell>
        </row>
        <row r="82">
          <cell r="C82">
            <v>2050041215</v>
          </cell>
        </row>
        <row r="83">
          <cell r="C83">
            <v>2050041660</v>
          </cell>
        </row>
        <row r="84">
          <cell r="C84">
            <v>2050042585</v>
          </cell>
        </row>
        <row r="85">
          <cell r="C85">
            <v>2050042692</v>
          </cell>
        </row>
        <row r="86">
          <cell r="C86">
            <v>2050042692</v>
          </cell>
        </row>
        <row r="87">
          <cell r="C87">
            <v>2050043377</v>
          </cell>
        </row>
        <row r="88">
          <cell r="C88">
            <v>2050043377</v>
          </cell>
        </row>
        <row r="89">
          <cell r="C89">
            <v>2050043674</v>
          </cell>
        </row>
        <row r="90">
          <cell r="C90">
            <v>2050043930</v>
          </cell>
        </row>
        <row r="91">
          <cell r="C91">
            <v>2050043930</v>
          </cell>
        </row>
        <row r="92">
          <cell r="C92">
            <v>2050043948</v>
          </cell>
        </row>
        <row r="93">
          <cell r="C93">
            <v>2050043948</v>
          </cell>
        </row>
        <row r="94">
          <cell r="C94">
            <v>2050044185</v>
          </cell>
        </row>
        <row r="95">
          <cell r="C95">
            <v>2050044185</v>
          </cell>
        </row>
        <row r="96">
          <cell r="C96">
            <v>2050044284</v>
          </cell>
        </row>
        <row r="97">
          <cell r="C97">
            <v>2050044284</v>
          </cell>
        </row>
        <row r="98">
          <cell r="C98">
            <v>2050044292</v>
          </cell>
        </row>
        <row r="99">
          <cell r="C99">
            <v>2050044524</v>
          </cell>
        </row>
        <row r="100">
          <cell r="C100">
            <v>2050044755</v>
          </cell>
        </row>
        <row r="101">
          <cell r="C101">
            <v>2050045133</v>
          </cell>
        </row>
        <row r="102">
          <cell r="C102">
            <v>2050045489</v>
          </cell>
        </row>
        <row r="103">
          <cell r="C103">
            <v>2050045604</v>
          </cell>
        </row>
        <row r="104">
          <cell r="C104">
            <v>2050045604</v>
          </cell>
        </row>
        <row r="105">
          <cell r="C105">
            <v>2050046008</v>
          </cell>
        </row>
        <row r="106">
          <cell r="C106">
            <v>2050046453</v>
          </cell>
        </row>
        <row r="107">
          <cell r="C107">
            <v>2050046537</v>
          </cell>
        </row>
        <row r="108">
          <cell r="C108">
            <v>2050046768</v>
          </cell>
        </row>
        <row r="109">
          <cell r="C109">
            <v>2050046792</v>
          </cell>
        </row>
        <row r="110">
          <cell r="C110">
            <v>2050047162</v>
          </cell>
        </row>
        <row r="111">
          <cell r="C111">
            <v>2050047162</v>
          </cell>
        </row>
        <row r="112">
          <cell r="C112">
            <v>2050048442</v>
          </cell>
        </row>
        <row r="113">
          <cell r="C113">
            <v>2050049036</v>
          </cell>
        </row>
        <row r="114">
          <cell r="C114">
            <v>2050049085</v>
          </cell>
        </row>
        <row r="115">
          <cell r="C115">
            <v>2050049093</v>
          </cell>
        </row>
        <row r="116">
          <cell r="C116">
            <v>2050049093</v>
          </cell>
        </row>
        <row r="117">
          <cell r="C117">
            <v>2050049259</v>
          </cell>
        </row>
        <row r="118">
          <cell r="C118">
            <v>2050050968</v>
          </cell>
        </row>
        <row r="119">
          <cell r="C119">
            <v>2050050968</v>
          </cell>
        </row>
        <row r="120">
          <cell r="C120">
            <v>2050051099</v>
          </cell>
        </row>
        <row r="121">
          <cell r="C121">
            <v>2050051099</v>
          </cell>
        </row>
        <row r="122">
          <cell r="C122">
            <v>2050051115</v>
          </cell>
        </row>
        <row r="123">
          <cell r="C123">
            <v>2050051131</v>
          </cell>
        </row>
        <row r="124">
          <cell r="C124">
            <v>2050051396</v>
          </cell>
        </row>
        <row r="125">
          <cell r="C125">
            <v>2050051396</v>
          </cell>
        </row>
        <row r="126">
          <cell r="C126">
            <v>2050051974</v>
          </cell>
        </row>
        <row r="127">
          <cell r="C127">
            <v>2050052147</v>
          </cell>
        </row>
        <row r="128">
          <cell r="C128">
            <v>2050052147</v>
          </cell>
        </row>
        <row r="129">
          <cell r="C129">
            <v>2050052311</v>
          </cell>
        </row>
        <row r="130">
          <cell r="C130">
            <v>2050054515</v>
          </cell>
        </row>
        <row r="131">
          <cell r="C131">
            <v>2050054978</v>
          </cell>
        </row>
        <row r="132">
          <cell r="C132">
            <v>2050056155</v>
          </cell>
        </row>
        <row r="133">
          <cell r="C133">
            <v>2050056155</v>
          </cell>
        </row>
        <row r="134">
          <cell r="C134">
            <v>2050057658</v>
          </cell>
        </row>
        <row r="135">
          <cell r="C135">
            <v>2050057658</v>
          </cell>
        </row>
        <row r="136">
          <cell r="C136">
            <v>2050057658</v>
          </cell>
        </row>
        <row r="137">
          <cell r="C137">
            <v>2050057815</v>
          </cell>
        </row>
        <row r="138">
          <cell r="C138">
            <v>2050057815</v>
          </cell>
        </row>
        <row r="139">
          <cell r="C139">
            <v>2050057898</v>
          </cell>
        </row>
        <row r="140">
          <cell r="C140">
            <v>2050058102</v>
          </cell>
        </row>
        <row r="141">
          <cell r="C141">
            <v>2050058169</v>
          </cell>
        </row>
        <row r="142">
          <cell r="C142">
            <v>2050058169</v>
          </cell>
        </row>
        <row r="143">
          <cell r="C143">
            <v>2050058250</v>
          </cell>
        </row>
        <row r="144">
          <cell r="C144">
            <v>2050058342</v>
          </cell>
        </row>
        <row r="145">
          <cell r="C145">
            <v>2050058342</v>
          </cell>
        </row>
        <row r="146">
          <cell r="C146">
            <v>2050058342</v>
          </cell>
        </row>
        <row r="147">
          <cell r="C147">
            <v>2050059035</v>
          </cell>
        </row>
        <row r="148">
          <cell r="C148">
            <v>2050059514</v>
          </cell>
        </row>
        <row r="149">
          <cell r="C149">
            <v>2050059514</v>
          </cell>
        </row>
        <row r="150">
          <cell r="C150">
            <v>2050059928</v>
          </cell>
        </row>
        <row r="151">
          <cell r="C151">
            <v>2050060009</v>
          </cell>
        </row>
        <row r="152">
          <cell r="C152">
            <v>2050060009</v>
          </cell>
        </row>
        <row r="153">
          <cell r="C153">
            <v>2050060645</v>
          </cell>
        </row>
        <row r="154">
          <cell r="C154">
            <v>2050060934</v>
          </cell>
        </row>
        <row r="155">
          <cell r="C155">
            <v>2050060934</v>
          </cell>
        </row>
        <row r="156">
          <cell r="C156">
            <v>2050060934</v>
          </cell>
        </row>
        <row r="157">
          <cell r="C157">
            <v>2050060959</v>
          </cell>
        </row>
        <row r="158">
          <cell r="C158">
            <v>2050061031</v>
          </cell>
        </row>
        <row r="159">
          <cell r="C159">
            <v>2050061031</v>
          </cell>
        </row>
        <row r="160">
          <cell r="C160">
            <v>2050061353</v>
          </cell>
        </row>
        <row r="161">
          <cell r="C161">
            <v>2050061353</v>
          </cell>
        </row>
        <row r="162">
          <cell r="C162">
            <v>2050061445</v>
          </cell>
        </row>
        <row r="163">
          <cell r="C163">
            <v>2050061577</v>
          </cell>
        </row>
        <row r="164">
          <cell r="C164">
            <v>2050062120</v>
          </cell>
        </row>
        <row r="165">
          <cell r="C165">
            <v>2050062609</v>
          </cell>
        </row>
        <row r="166">
          <cell r="C166">
            <v>2050063029</v>
          </cell>
        </row>
        <row r="167">
          <cell r="C167">
            <v>2050063680</v>
          </cell>
        </row>
        <row r="168">
          <cell r="C168">
            <v>2050063680</v>
          </cell>
        </row>
        <row r="169">
          <cell r="C169">
            <v>2050063995</v>
          </cell>
        </row>
        <row r="170">
          <cell r="C170">
            <v>2050064647</v>
          </cell>
        </row>
        <row r="171">
          <cell r="C171">
            <v>2050065636</v>
          </cell>
        </row>
        <row r="172">
          <cell r="C172">
            <v>2050066337</v>
          </cell>
        </row>
        <row r="173">
          <cell r="C173">
            <v>2050066337</v>
          </cell>
        </row>
        <row r="174">
          <cell r="C174">
            <v>2050066451</v>
          </cell>
        </row>
        <row r="175">
          <cell r="C175">
            <v>2050066865</v>
          </cell>
        </row>
        <row r="176">
          <cell r="C176">
            <v>2050066998</v>
          </cell>
        </row>
        <row r="177">
          <cell r="C177">
            <v>2050067467</v>
          </cell>
        </row>
        <row r="178">
          <cell r="C178">
            <v>2050067905</v>
          </cell>
        </row>
        <row r="179">
          <cell r="C179">
            <v>2050067905</v>
          </cell>
        </row>
        <row r="180">
          <cell r="C180">
            <v>2050068614</v>
          </cell>
        </row>
        <row r="181">
          <cell r="C181">
            <v>2050068614</v>
          </cell>
        </row>
        <row r="182">
          <cell r="C182">
            <v>2050069083</v>
          </cell>
        </row>
        <row r="183">
          <cell r="C183">
            <v>2050069083</v>
          </cell>
        </row>
        <row r="184">
          <cell r="C184">
            <v>2050069596</v>
          </cell>
        </row>
        <row r="185">
          <cell r="C185">
            <v>2050069596</v>
          </cell>
        </row>
        <row r="186">
          <cell r="C186">
            <v>2050070057</v>
          </cell>
        </row>
        <row r="187">
          <cell r="C187">
            <v>2050070297</v>
          </cell>
        </row>
        <row r="188">
          <cell r="C188">
            <v>2050070685</v>
          </cell>
        </row>
        <row r="189">
          <cell r="C189">
            <v>2050073093</v>
          </cell>
        </row>
        <row r="190">
          <cell r="C190">
            <v>2050073622</v>
          </cell>
        </row>
        <row r="191">
          <cell r="C191">
            <v>2050073648</v>
          </cell>
        </row>
        <row r="192">
          <cell r="C192">
            <v>2050073820</v>
          </cell>
        </row>
        <row r="193">
          <cell r="C193">
            <v>2050073820</v>
          </cell>
        </row>
        <row r="194">
          <cell r="C194">
            <v>2050074505</v>
          </cell>
        </row>
        <row r="195">
          <cell r="C195">
            <v>2050075577</v>
          </cell>
        </row>
        <row r="196">
          <cell r="C196">
            <v>2050075619</v>
          </cell>
        </row>
        <row r="197">
          <cell r="C197">
            <v>2050075619</v>
          </cell>
        </row>
        <row r="198">
          <cell r="C198">
            <v>2050076120</v>
          </cell>
        </row>
        <row r="199">
          <cell r="C199">
            <v>2050076161</v>
          </cell>
        </row>
        <row r="200">
          <cell r="C200">
            <v>2050076385</v>
          </cell>
        </row>
        <row r="201">
          <cell r="C201">
            <v>2050076385</v>
          </cell>
        </row>
        <row r="202">
          <cell r="C202">
            <v>2050076856</v>
          </cell>
        </row>
        <row r="203">
          <cell r="C203">
            <v>2050076856</v>
          </cell>
        </row>
        <row r="204">
          <cell r="C204">
            <v>2050076856</v>
          </cell>
        </row>
        <row r="205">
          <cell r="C205">
            <v>2050077888</v>
          </cell>
        </row>
        <row r="206">
          <cell r="C206">
            <v>2050078829</v>
          </cell>
        </row>
        <row r="207">
          <cell r="C207">
            <v>2050078829</v>
          </cell>
        </row>
        <row r="208">
          <cell r="C208">
            <v>2050085907</v>
          </cell>
        </row>
        <row r="209">
          <cell r="C209">
            <v>2050086392</v>
          </cell>
        </row>
        <row r="210">
          <cell r="C210">
            <v>2050086830</v>
          </cell>
        </row>
        <row r="211">
          <cell r="C211">
            <v>2050087861</v>
          </cell>
        </row>
        <row r="212">
          <cell r="C212">
            <v>2050088653</v>
          </cell>
        </row>
        <row r="213">
          <cell r="C213">
            <v>2050089800</v>
          </cell>
        </row>
        <row r="214">
          <cell r="C214">
            <v>2050089800</v>
          </cell>
        </row>
        <row r="215">
          <cell r="C215">
            <v>2050090162</v>
          </cell>
        </row>
        <row r="216">
          <cell r="C216">
            <v>2050090162</v>
          </cell>
        </row>
        <row r="217">
          <cell r="C217">
            <v>2050090410</v>
          </cell>
        </row>
        <row r="218">
          <cell r="C218">
            <v>2050090410</v>
          </cell>
        </row>
        <row r="219">
          <cell r="C219">
            <v>2050090600</v>
          </cell>
        </row>
        <row r="220">
          <cell r="C220">
            <v>2050091210</v>
          </cell>
        </row>
        <row r="221">
          <cell r="C221">
            <v>2050091335</v>
          </cell>
        </row>
        <row r="222">
          <cell r="C222">
            <v>2050092374</v>
          </cell>
        </row>
        <row r="223">
          <cell r="C223">
            <v>2050093117</v>
          </cell>
        </row>
        <row r="224">
          <cell r="C224">
            <v>2050093307</v>
          </cell>
        </row>
        <row r="225">
          <cell r="C225">
            <v>2050093463</v>
          </cell>
        </row>
        <row r="226">
          <cell r="C226">
            <v>2050093463</v>
          </cell>
        </row>
        <row r="227">
          <cell r="C227">
            <v>2050094099</v>
          </cell>
        </row>
        <row r="228">
          <cell r="C228">
            <v>2050094099</v>
          </cell>
        </row>
        <row r="229">
          <cell r="C229">
            <v>2050094834</v>
          </cell>
        </row>
        <row r="230">
          <cell r="C230">
            <v>2050096268</v>
          </cell>
        </row>
        <row r="231">
          <cell r="C231">
            <v>2050096268</v>
          </cell>
        </row>
        <row r="232">
          <cell r="C232">
            <v>2050097126</v>
          </cell>
        </row>
        <row r="233">
          <cell r="C233">
            <v>2050097126</v>
          </cell>
        </row>
        <row r="234">
          <cell r="C234">
            <v>2050098512</v>
          </cell>
        </row>
        <row r="235">
          <cell r="C235">
            <v>2050098512</v>
          </cell>
        </row>
        <row r="236">
          <cell r="C236">
            <v>2050098512</v>
          </cell>
        </row>
        <row r="237">
          <cell r="C237">
            <v>2050099163</v>
          </cell>
        </row>
        <row r="238">
          <cell r="C238">
            <v>2050099395</v>
          </cell>
        </row>
        <row r="239">
          <cell r="C239">
            <v>2050099395</v>
          </cell>
        </row>
        <row r="240">
          <cell r="C240">
            <v>2050099395</v>
          </cell>
        </row>
        <row r="241">
          <cell r="C241">
            <v>2050100276</v>
          </cell>
        </row>
        <row r="242">
          <cell r="C242">
            <v>2050100276</v>
          </cell>
        </row>
        <row r="243">
          <cell r="C243">
            <v>2050100672</v>
          </cell>
        </row>
        <row r="244">
          <cell r="C244">
            <v>2050101373</v>
          </cell>
        </row>
        <row r="245">
          <cell r="C245">
            <v>2050103031</v>
          </cell>
        </row>
        <row r="246">
          <cell r="C246">
            <v>2050104815</v>
          </cell>
        </row>
        <row r="247">
          <cell r="C247">
            <v>2050104823</v>
          </cell>
        </row>
        <row r="248">
          <cell r="C248">
            <v>2050104823</v>
          </cell>
        </row>
        <row r="249">
          <cell r="C249">
            <v>2050104823</v>
          </cell>
        </row>
        <row r="250">
          <cell r="C250">
            <v>2050106687</v>
          </cell>
        </row>
        <row r="251">
          <cell r="C251">
            <v>2050106851</v>
          </cell>
        </row>
        <row r="252">
          <cell r="C252">
            <v>2050107586</v>
          </cell>
        </row>
        <row r="253">
          <cell r="C253">
            <v>2050108337</v>
          </cell>
        </row>
        <row r="254">
          <cell r="C254">
            <v>2050109905</v>
          </cell>
        </row>
        <row r="255">
          <cell r="C255">
            <v>2050109905</v>
          </cell>
        </row>
        <row r="256">
          <cell r="C256">
            <v>2050110945</v>
          </cell>
        </row>
        <row r="257">
          <cell r="C257">
            <v>2050111992</v>
          </cell>
        </row>
        <row r="258">
          <cell r="C258">
            <v>2050111992</v>
          </cell>
        </row>
        <row r="259">
          <cell r="C259">
            <v>2050112743</v>
          </cell>
        </row>
        <row r="260">
          <cell r="C260">
            <v>2050112743</v>
          </cell>
        </row>
        <row r="261">
          <cell r="C261">
            <v>2050114210</v>
          </cell>
        </row>
        <row r="262">
          <cell r="C262">
            <v>2050114517</v>
          </cell>
        </row>
        <row r="263">
          <cell r="C263">
            <v>2050114558</v>
          </cell>
        </row>
        <row r="264">
          <cell r="C264">
            <v>2050115506</v>
          </cell>
        </row>
        <row r="265">
          <cell r="C265">
            <v>2050115761</v>
          </cell>
        </row>
        <row r="266">
          <cell r="C266">
            <v>2050119631</v>
          </cell>
        </row>
        <row r="267">
          <cell r="C267">
            <v>2050119631</v>
          </cell>
        </row>
        <row r="268">
          <cell r="C268">
            <v>2050121025</v>
          </cell>
        </row>
        <row r="269">
          <cell r="C269">
            <v>2050130174</v>
          </cell>
        </row>
        <row r="270">
          <cell r="C270">
            <v>2050130711</v>
          </cell>
        </row>
        <row r="271">
          <cell r="C271">
            <v>2050130943</v>
          </cell>
        </row>
        <row r="272">
          <cell r="C272">
            <v>2050130943</v>
          </cell>
        </row>
        <row r="273">
          <cell r="C273">
            <v>2050130943</v>
          </cell>
        </row>
        <row r="274">
          <cell r="C274">
            <v>2050131214</v>
          </cell>
        </row>
        <row r="275">
          <cell r="C275">
            <v>2050131214</v>
          </cell>
        </row>
        <row r="276">
          <cell r="C276">
            <v>2050135090</v>
          </cell>
        </row>
        <row r="277">
          <cell r="C277">
            <v>2050139373</v>
          </cell>
        </row>
        <row r="278">
          <cell r="C278">
            <v>2050146121</v>
          </cell>
        </row>
        <row r="279">
          <cell r="C279">
            <v>2050146188</v>
          </cell>
        </row>
        <row r="280">
          <cell r="C280">
            <v>2050146196</v>
          </cell>
        </row>
        <row r="281">
          <cell r="C281">
            <v>2050149620</v>
          </cell>
        </row>
        <row r="282">
          <cell r="C282">
            <v>3020000016</v>
          </cell>
        </row>
        <row r="283">
          <cell r="C283">
            <v>3020000244</v>
          </cell>
        </row>
        <row r="284">
          <cell r="C284">
            <v>3020000270</v>
          </cell>
        </row>
        <row r="285">
          <cell r="C285">
            <v>3020000315</v>
          </cell>
        </row>
        <row r="286">
          <cell r="C286">
            <v>3020000341</v>
          </cell>
        </row>
        <row r="287">
          <cell r="C287">
            <v>3020000341</v>
          </cell>
        </row>
        <row r="288">
          <cell r="C288">
            <v>3020000351</v>
          </cell>
        </row>
        <row r="289">
          <cell r="C289">
            <v>3020000351</v>
          </cell>
        </row>
        <row r="290">
          <cell r="C290">
            <v>3020000351</v>
          </cell>
        </row>
        <row r="291">
          <cell r="C291">
            <v>3020000351</v>
          </cell>
        </row>
        <row r="292">
          <cell r="C292">
            <v>3020000403</v>
          </cell>
        </row>
        <row r="293">
          <cell r="C293">
            <v>3020000443</v>
          </cell>
        </row>
        <row r="294">
          <cell r="C294">
            <v>3020000444</v>
          </cell>
        </row>
        <row r="295">
          <cell r="C295">
            <v>3020000449</v>
          </cell>
        </row>
        <row r="296">
          <cell r="C296">
            <v>3020000449</v>
          </cell>
        </row>
        <row r="297">
          <cell r="C297">
            <v>3020000510</v>
          </cell>
        </row>
        <row r="298">
          <cell r="C298">
            <v>3020000584</v>
          </cell>
        </row>
        <row r="299">
          <cell r="C299">
            <v>3020000669</v>
          </cell>
        </row>
        <row r="300">
          <cell r="C300">
            <v>3020000700</v>
          </cell>
        </row>
        <row r="301">
          <cell r="C301">
            <v>3020000700</v>
          </cell>
        </row>
        <row r="302">
          <cell r="C302">
            <v>3020000700</v>
          </cell>
        </row>
        <row r="303">
          <cell r="C303">
            <v>3020000747</v>
          </cell>
        </row>
        <row r="304">
          <cell r="C304">
            <v>3020000818</v>
          </cell>
        </row>
        <row r="305">
          <cell r="C305">
            <v>3020000958</v>
          </cell>
        </row>
        <row r="306">
          <cell r="C306">
            <v>3020001025</v>
          </cell>
        </row>
        <row r="307">
          <cell r="C307">
            <v>3020001072</v>
          </cell>
        </row>
        <row r="308">
          <cell r="C308">
            <v>3020001073</v>
          </cell>
        </row>
        <row r="309">
          <cell r="C309">
            <v>3020001074</v>
          </cell>
        </row>
        <row r="310">
          <cell r="C310">
            <v>3020001074</v>
          </cell>
        </row>
        <row r="311">
          <cell r="C311">
            <v>3020001154</v>
          </cell>
        </row>
        <row r="312">
          <cell r="C312">
            <v>3020001266</v>
          </cell>
        </row>
        <row r="313">
          <cell r="C313">
            <v>3020001266</v>
          </cell>
        </row>
        <row r="314">
          <cell r="C314">
            <v>3020001373</v>
          </cell>
        </row>
        <row r="315">
          <cell r="C315">
            <v>3020001373</v>
          </cell>
        </row>
        <row r="316">
          <cell r="C316">
            <v>3020001397</v>
          </cell>
        </row>
        <row r="317">
          <cell r="C317">
            <v>3020001397</v>
          </cell>
        </row>
        <row r="318">
          <cell r="C318">
            <v>3020001397</v>
          </cell>
        </row>
        <row r="319">
          <cell r="C319">
            <v>3020001446</v>
          </cell>
        </row>
        <row r="320">
          <cell r="C320">
            <v>3020001456</v>
          </cell>
        </row>
        <row r="321">
          <cell r="C321">
            <v>3020001458</v>
          </cell>
        </row>
        <row r="322">
          <cell r="C322">
            <v>3020001471</v>
          </cell>
        </row>
        <row r="323">
          <cell r="C323">
            <v>3020001494</v>
          </cell>
        </row>
        <row r="324">
          <cell r="C324">
            <v>3020001553</v>
          </cell>
        </row>
        <row r="325">
          <cell r="C325">
            <v>3020001554</v>
          </cell>
        </row>
        <row r="326">
          <cell r="C326">
            <v>3020001764</v>
          </cell>
        </row>
        <row r="327">
          <cell r="C327">
            <v>3020001798</v>
          </cell>
        </row>
        <row r="328">
          <cell r="C328">
            <v>3020001798</v>
          </cell>
        </row>
        <row r="329">
          <cell r="C329">
            <v>3020001798</v>
          </cell>
        </row>
        <row r="330">
          <cell r="C330">
            <v>3020001840</v>
          </cell>
        </row>
        <row r="331">
          <cell r="C331">
            <v>3020001886</v>
          </cell>
        </row>
        <row r="332">
          <cell r="C332">
            <v>3020001886</v>
          </cell>
        </row>
        <row r="333">
          <cell r="C333">
            <v>3020001913</v>
          </cell>
        </row>
        <row r="334">
          <cell r="C334">
            <v>3020001913</v>
          </cell>
        </row>
        <row r="335">
          <cell r="C335">
            <v>3020001984</v>
          </cell>
        </row>
        <row r="336">
          <cell r="C336">
            <v>3020002018</v>
          </cell>
        </row>
        <row r="337">
          <cell r="C337">
            <v>3020002026</v>
          </cell>
        </row>
        <row r="338">
          <cell r="C338">
            <v>3020002279</v>
          </cell>
        </row>
        <row r="339">
          <cell r="C339">
            <v>3020003889</v>
          </cell>
        </row>
      </sheetData>
      <sheetData sheetId="9">
        <row r="2">
          <cell r="C2">
            <v>198</v>
          </cell>
        </row>
        <row r="3">
          <cell r="C3">
            <v>198</v>
          </cell>
        </row>
        <row r="4">
          <cell r="C4">
            <v>429</v>
          </cell>
        </row>
        <row r="5">
          <cell r="C5">
            <v>492</v>
          </cell>
        </row>
        <row r="6">
          <cell r="C6">
            <v>2050007851</v>
          </cell>
        </row>
        <row r="7">
          <cell r="C7">
            <v>2050007851</v>
          </cell>
        </row>
        <row r="8">
          <cell r="C8">
            <v>2050011259</v>
          </cell>
        </row>
        <row r="9">
          <cell r="C9">
            <v>2050011259</v>
          </cell>
        </row>
        <row r="10">
          <cell r="C10">
            <v>2050011440</v>
          </cell>
        </row>
        <row r="11">
          <cell r="C11">
            <v>2050013636</v>
          </cell>
        </row>
        <row r="12">
          <cell r="C12">
            <v>2050017173</v>
          </cell>
        </row>
        <row r="13">
          <cell r="C13">
            <v>2050018320</v>
          </cell>
        </row>
        <row r="14">
          <cell r="C14">
            <v>2050020110</v>
          </cell>
        </row>
        <row r="15">
          <cell r="C15">
            <v>2050020284</v>
          </cell>
        </row>
        <row r="16">
          <cell r="C16">
            <v>2050020284</v>
          </cell>
        </row>
        <row r="17">
          <cell r="C17">
            <v>2050021571</v>
          </cell>
        </row>
        <row r="18">
          <cell r="C18">
            <v>2050021571</v>
          </cell>
        </row>
        <row r="19">
          <cell r="C19">
            <v>2050022330</v>
          </cell>
        </row>
        <row r="20">
          <cell r="C20">
            <v>2050022330</v>
          </cell>
        </row>
        <row r="21">
          <cell r="C21">
            <v>2050022330</v>
          </cell>
        </row>
        <row r="22">
          <cell r="C22">
            <v>2050022710</v>
          </cell>
        </row>
        <row r="23">
          <cell r="C23">
            <v>2050023080</v>
          </cell>
        </row>
        <row r="24">
          <cell r="C24">
            <v>2050023080</v>
          </cell>
        </row>
        <row r="25">
          <cell r="C25">
            <v>2050023197</v>
          </cell>
        </row>
        <row r="26">
          <cell r="C26">
            <v>2050023197</v>
          </cell>
        </row>
        <row r="27">
          <cell r="C27">
            <v>2050025382</v>
          </cell>
        </row>
        <row r="28">
          <cell r="C28">
            <v>2050025531</v>
          </cell>
        </row>
        <row r="29">
          <cell r="C29">
            <v>2050026281</v>
          </cell>
        </row>
        <row r="30">
          <cell r="C30">
            <v>2050026281</v>
          </cell>
        </row>
        <row r="31">
          <cell r="C31">
            <v>2050026299</v>
          </cell>
        </row>
        <row r="32">
          <cell r="C32">
            <v>2050026299</v>
          </cell>
        </row>
        <row r="33">
          <cell r="C33">
            <v>2050026299</v>
          </cell>
        </row>
        <row r="34">
          <cell r="C34">
            <v>2050026299</v>
          </cell>
        </row>
        <row r="35">
          <cell r="C35">
            <v>2050027669</v>
          </cell>
        </row>
        <row r="36">
          <cell r="C36">
            <v>2050028188</v>
          </cell>
        </row>
        <row r="37">
          <cell r="C37">
            <v>2050028634</v>
          </cell>
        </row>
        <row r="38">
          <cell r="C38">
            <v>2050029178</v>
          </cell>
        </row>
        <row r="39">
          <cell r="C39">
            <v>2050029772</v>
          </cell>
        </row>
        <row r="40">
          <cell r="C40">
            <v>2050029772</v>
          </cell>
        </row>
        <row r="41">
          <cell r="C41">
            <v>2050030119</v>
          </cell>
        </row>
        <row r="42">
          <cell r="C42">
            <v>2050030119</v>
          </cell>
        </row>
        <row r="43">
          <cell r="C43">
            <v>2050031018</v>
          </cell>
        </row>
        <row r="44">
          <cell r="C44">
            <v>2050031075</v>
          </cell>
        </row>
        <row r="45">
          <cell r="C45">
            <v>2050031372</v>
          </cell>
        </row>
        <row r="46">
          <cell r="C46">
            <v>2050031539</v>
          </cell>
        </row>
        <row r="47">
          <cell r="C47">
            <v>2050031919</v>
          </cell>
        </row>
        <row r="48">
          <cell r="C48">
            <v>2050032107</v>
          </cell>
        </row>
        <row r="49">
          <cell r="C49">
            <v>2050032107</v>
          </cell>
        </row>
        <row r="50">
          <cell r="C50">
            <v>2050032875</v>
          </cell>
        </row>
        <row r="51">
          <cell r="C51">
            <v>2050034194</v>
          </cell>
        </row>
        <row r="52">
          <cell r="C52">
            <v>2050034616</v>
          </cell>
        </row>
        <row r="53">
          <cell r="C53">
            <v>2050034616</v>
          </cell>
        </row>
        <row r="54">
          <cell r="C54">
            <v>2050035001</v>
          </cell>
        </row>
        <row r="55">
          <cell r="C55">
            <v>2050035001</v>
          </cell>
        </row>
        <row r="56">
          <cell r="C56">
            <v>2050035357</v>
          </cell>
        </row>
        <row r="57">
          <cell r="C57">
            <v>2050035597</v>
          </cell>
        </row>
        <row r="58">
          <cell r="C58">
            <v>2050035985</v>
          </cell>
        </row>
        <row r="59">
          <cell r="C59">
            <v>2050036181</v>
          </cell>
        </row>
        <row r="60">
          <cell r="C60">
            <v>2050036447</v>
          </cell>
        </row>
        <row r="61">
          <cell r="C61">
            <v>2050037361</v>
          </cell>
        </row>
        <row r="62">
          <cell r="C62">
            <v>2050037361</v>
          </cell>
        </row>
        <row r="63">
          <cell r="C63">
            <v>2050037403</v>
          </cell>
        </row>
        <row r="64">
          <cell r="C64">
            <v>2050037650</v>
          </cell>
        </row>
        <row r="65">
          <cell r="C65">
            <v>2050037718</v>
          </cell>
        </row>
        <row r="66">
          <cell r="C66">
            <v>2050038153</v>
          </cell>
        </row>
        <row r="67">
          <cell r="C67">
            <v>2050038880</v>
          </cell>
        </row>
        <row r="68">
          <cell r="C68">
            <v>2050039219</v>
          </cell>
        </row>
        <row r="69">
          <cell r="C69">
            <v>2050039326</v>
          </cell>
        </row>
        <row r="70">
          <cell r="C70">
            <v>2050039599</v>
          </cell>
        </row>
        <row r="71">
          <cell r="C71">
            <v>2050039888</v>
          </cell>
        </row>
        <row r="72">
          <cell r="C72">
            <v>2050040605</v>
          </cell>
        </row>
        <row r="73">
          <cell r="C73">
            <v>2050040696</v>
          </cell>
        </row>
        <row r="74">
          <cell r="C74">
            <v>2050040860</v>
          </cell>
        </row>
        <row r="75">
          <cell r="C75">
            <v>2050041124</v>
          </cell>
        </row>
        <row r="76">
          <cell r="C76">
            <v>2050041439</v>
          </cell>
        </row>
        <row r="77">
          <cell r="C77">
            <v>2050041660</v>
          </cell>
        </row>
        <row r="78">
          <cell r="C78">
            <v>2050042585</v>
          </cell>
        </row>
        <row r="79">
          <cell r="C79">
            <v>2050042692</v>
          </cell>
        </row>
        <row r="80">
          <cell r="C80">
            <v>2050042692</v>
          </cell>
        </row>
        <row r="81">
          <cell r="C81">
            <v>2050042734</v>
          </cell>
        </row>
        <row r="82">
          <cell r="C82">
            <v>2050043377</v>
          </cell>
        </row>
        <row r="83">
          <cell r="C83">
            <v>2050043377</v>
          </cell>
        </row>
        <row r="84">
          <cell r="C84">
            <v>2050043930</v>
          </cell>
        </row>
        <row r="85">
          <cell r="C85">
            <v>2050043930</v>
          </cell>
        </row>
        <row r="86">
          <cell r="C86">
            <v>2050043948</v>
          </cell>
        </row>
        <row r="87">
          <cell r="C87">
            <v>2050043948</v>
          </cell>
        </row>
        <row r="88">
          <cell r="C88">
            <v>2050044185</v>
          </cell>
        </row>
        <row r="89">
          <cell r="C89">
            <v>2050044284</v>
          </cell>
        </row>
        <row r="90">
          <cell r="C90">
            <v>2050044284</v>
          </cell>
        </row>
        <row r="91">
          <cell r="C91">
            <v>2050044292</v>
          </cell>
        </row>
        <row r="92">
          <cell r="C92">
            <v>2050044524</v>
          </cell>
        </row>
        <row r="93">
          <cell r="C93">
            <v>2050044755</v>
          </cell>
        </row>
        <row r="94">
          <cell r="C94">
            <v>2050044755</v>
          </cell>
        </row>
        <row r="95">
          <cell r="C95">
            <v>2050045133</v>
          </cell>
        </row>
        <row r="96">
          <cell r="C96">
            <v>2050045489</v>
          </cell>
        </row>
        <row r="97">
          <cell r="C97">
            <v>2050045489</v>
          </cell>
        </row>
        <row r="98">
          <cell r="C98">
            <v>2050045604</v>
          </cell>
        </row>
        <row r="99">
          <cell r="C99">
            <v>2050045604</v>
          </cell>
        </row>
        <row r="100">
          <cell r="C100">
            <v>2050046008</v>
          </cell>
        </row>
        <row r="101">
          <cell r="C101">
            <v>2050046453</v>
          </cell>
        </row>
        <row r="102">
          <cell r="C102">
            <v>2050046537</v>
          </cell>
        </row>
        <row r="103">
          <cell r="C103">
            <v>2050046768</v>
          </cell>
        </row>
        <row r="104">
          <cell r="C104">
            <v>2050046792</v>
          </cell>
        </row>
        <row r="105">
          <cell r="C105">
            <v>2050047162</v>
          </cell>
        </row>
        <row r="106">
          <cell r="C106">
            <v>2050047162</v>
          </cell>
        </row>
        <row r="107">
          <cell r="C107">
            <v>2050048442</v>
          </cell>
        </row>
        <row r="108">
          <cell r="C108">
            <v>2050048442</v>
          </cell>
        </row>
        <row r="109">
          <cell r="C109">
            <v>2050049036</v>
          </cell>
        </row>
        <row r="110">
          <cell r="C110">
            <v>2050049085</v>
          </cell>
        </row>
        <row r="111">
          <cell r="C111">
            <v>2050049093</v>
          </cell>
        </row>
        <row r="112">
          <cell r="C112">
            <v>2050049093</v>
          </cell>
        </row>
        <row r="113">
          <cell r="C113">
            <v>2050049259</v>
          </cell>
        </row>
        <row r="114">
          <cell r="C114">
            <v>2050050968</v>
          </cell>
        </row>
        <row r="115">
          <cell r="C115">
            <v>2050050968</v>
          </cell>
        </row>
        <row r="116">
          <cell r="C116">
            <v>2050051115</v>
          </cell>
        </row>
        <row r="117">
          <cell r="C117">
            <v>2050051131</v>
          </cell>
        </row>
        <row r="118">
          <cell r="C118">
            <v>2050051396</v>
          </cell>
        </row>
        <row r="119">
          <cell r="C119">
            <v>2050051396</v>
          </cell>
        </row>
        <row r="120">
          <cell r="C120">
            <v>2050051974</v>
          </cell>
        </row>
        <row r="121">
          <cell r="C121">
            <v>2050052147</v>
          </cell>
        </row>
        <row r="122">
          <cell r="C122">
            <v>2050052147</v>
          </cell>
        </row>
        <row r="123">
          <cell r="C123">
            <v>2050052311</v>
          </cell>
        </row>
        <row r="124">
          <cell r="C124">
            <v>2050054515</v>
          </cell>
        </row>
        <row r="125">
          <cell r="C125">
            <v>2050054978</v>
          </cell>
        </row>
        <row r="126">
          <cell r="C126">
            <v>2050054978</v>
          </cell>
        </row>
        <row r="127">
          <cell r="C127">
            <v>2050056155</v>
          </cell>
        </row>
        <row r="128">
          <cell r="C128">
            <v>2050056155</v>
          </cell>
        </row>
        <row r="129">
          <cell r="C129">
            <v>2050057658</v>
          </cell>
        </row>
        <row r="130">
          <cell r="C130">
            <v>2050057658</v>
          </cell>
        </row>
        <row r="131">
          <cell r="C131">
            <v>2050057658</v>
          </cell>
        </row>
        <row r="132">
          <cell r="C132">
            <v>2050057815</v>
          </cell>
        </row>
        <row r="133">
          <cell r="C133">
            <v>2050057815</v>
          </cell>
        </row>
        <row r="134">
          <cell r="C134">
            <v>2050057898</v>
          </cell>
        </row>
        <row r="135">
          <cell r="C135">
            <v>2050058102</v>
          </cell>
        </row>
        <row r="136">
          <cell r="C136">
            <v>2050058169</v>
          </cell>
        </row>
        <row r="137">
          <cell r="C137">
            <v>2050058169</v>
          </cell>
        </row>
        <row r="138">
          <cell r="C138">
            <v>2050058250</v>
          </cell>
        </row>
        <row r="139">
          <cell r="C139">
            <v>2050059035</v>
          </cell>
        </row>
        <row r="140">
          <cell r="C140">
            <v>2050060009</v>
          </cell>
        </row>
        <row r="141">
          <cell r="C141">
            <v>2050060009</v>
          </cell>
        </row>
        <row r="142">
          <cell r="C142">
            <v>2050060439</v>
          </cell>
        </row>
        <row r="143">
          <cell r="C143">
            <v>2050060645</v>
          </cell>
        </row>
        <row r="144">
          <cell r="C144">
            <v>2050060934</v>
          </cell>
        </row>
        <row r="145">
          <cell r="C145">
            <v>2050060934</v>
          </cell>
        </row>
        <row r="146">
          <cell r="C146">
            <v>2050060934</v>
          </cell>
        </row>
        <row r="147">
          <cell r="C147">
            <v>2050061031</v>
          </cell>
        </row>
        <row r="148">
          <cell r="C148">
            <v>2050061031</v>
          </cell>
        </row>
        <row r="149">
          <cell r="C149">
            <v>2050061577</v>
          </cell>
        </row>
        <row r="150">
          <cell r="C150">
            <v>2050062120</v>
          </cell>
        </row>
        <row r="151">
          <cell r="C151">
            <v>2050062393</v>
          </cell>
        </row>
        <row r="152">
          <cell r="C152">
            <v>2050062609</v>
          </cell>
        </row>
        <row r="153">
          <cell r="C153">
            <v>2050063029</v>
          </cell>
        </row>
        <row r="154">
          <cell r="C154">
            <v>2050063680</v>
          </cell>
        </row>
        <row r="155">
          <cell r="C155">
            <v>2050063680</v>
          </cell>
        </row>
        <row r="156">
          <cell r="C156">
            <v>2050063995</v>
          </cell>
        </row>
        <row r="157">
          <cell r="C157">
            <v>2050064647</v>
          </cell>
        </row>
        <row r="158">
          <cell r="C158">
            <v>2050065636</v>
          </cell>
        </row>
        <row r="159">
          <cell r="C159">
            <v>2050066337</v>
          </cell>
        </row>
        <row r="160">
          <cell r="C160">
            <v>2050066337</v>
          </cell>
        </row>
        <row r="161">
          <cell r="C161">
            <v>2050066451</v>
          </cell>
        </row>
        <row r="162">
          <cell r="C162">
            <v>2050066865</v>
          </cell>
        </row>
        <row r="163">
          <cell r="C163">
            <v>2050066998</v>
          </cell>
        </row>
        <row r="164">
          <cell r="C164">
            <v>2050067467</v>
          </cell>
        </row>
        <row r="165">
          <cell r="C165">
            <v>2050067905</v>
          </cell>
        </row>
        <row r="166">
          <cell r="C166">
            <v>2050067905</v>
          </cell>
        </row>
        <row r="167">
          <cell r="C167">
            <v>2050068614</v>
          </cell>
        </row>
        <row r="168">
          <cell r="C168">
            <v>2050068614</v>
          </cell>
        </row>
        <row r="169">
          <cell r="C169">
            <v>2050069083</v>
          </cell>
        </row>
        <row r="170">
          <cell r="C170">
            <v>2050069570</v>
          </cell>
        </row>
        <row r="171">
          <cell r="C171">
            <v>2050069596</v>
          </cell>
        </row>
        <row r="172">
          <cell r="C172">
            <v>2050069596</v>
          </cell>
        </row>
        <row r="173">
          <cell r="C173">
            <v>2050070057</v>
          </cell>
        </row>
        <row r="174">
          <cell r="C174">
            <v>2050070297</v>
          </cell>
        </row>
        <row r="175">
          <cell r="C175">
            <v>2050070685</v>
          </cell>
        </row>
        <row r="176">
          <cell r="C176">
            <v>2050073622</v>
          </cell>
        </row>
        <row r="177">
          <cell r="C177">
            <v>2050073820</v>
          </cell>
        </row>
        <row r="178">
          <cell r="C178">
            <v>2050073820</v>
          </cell>
        </row>
        <row r="179">
          <cell r="C179">
            <v>2050075577</v>
          </cell>
        </row>
        <row r="180">
          <cell r="C180">
            <v>2050075619</v>
          </cell>
        </row>
        <row r="181">
          <cell r="C181">
            <v>2050075619</v>
          </cell>
        </row>
        <row r="182">
          <cell r="C182">
            <v>2050076120</v>
          </cell>
        </row>
        <row r="183">
          <cell r="C183">
            <v>2050076161</v>
          </cell>
        </row>
        <row r="184">
          <cell r="C184">
            <v>2050076385</v>
          </cell>
        </row>
        <row r="185">
          <cell r="C185">
            <v>2050076385</v>
          </cell>
        </row>
        <row r="186">
          <cell r="C186">
            <v>2050076674</v>
          </cell>
        </row>
        <row r="187">
          <cell r="C187">
            <v>2050076856</v>
          </cell>
        </row>
        <row r="188">
          <cell r="C188">
            <v>2050076856</v>
          </cell>
        </row>
        <row r="189">
          <cell r="C189">
            <v>2050076856</v>
          </cell>
        </row>
        <row r="190">
          <cell r="C190">
            <v>2050077888</v>
          </cell>
        </row>
        <row r="191">
          <cell r="C191">
            <v>2050078829</v>
          </cell>
        </row>
        <row r="192">
          <cell r="C192">
            <v>2050078829</v>
          </cell>
        </row>
        <row r="193">
          <cell r="C193">
            <v>2050083951</v>
          </cell>
        </row>
        <row r="194">
          <cell r="C194">
            <v>2050085907</v>
          </cell>
        </row>
        <row r="195">
          <cell r="C195">
            <v>2050086392</v>
          </cell>
        </row>
        <row r="196">
          <cell r="C196">
            <v>2050087317</v>
          </cell>
        </row>
        <row r="197">
          <cell r="C197">
            <v>2050087861</v>
          </cell>
        </row>
        <row r="198">
          <cell r="C198">
            <v>2050088653</v>
          </cell>
        </row>
        <row r="199">
          <cell r="C199">
            <v>2050089800</v>
          </cell>
        </row>
        <row r="200">
          <cell r="C200">
            <v>2050089800</v>
          </cell>
        </row>
        <row r="201">
          <cell r="C201">
            <v>2050090162</v>
          </cell>
        </row>
        <row r="202">
          <cell r="C202">
            <v>2050090162</v>
          </cell>
        </row>
        <row r="203">
          <cell r="C203">
            <v>2050090410</v>
          </cell>
        </row>
        <row r="204">
          <cell r="C204">
            <v>2050090410</v>
          </cell>
        </row>
        <row r="205">
          <cell r="C205">
            <v>2050090600</v>
          </cell>
        </row>
        <row r="206">
          <cell r="C206">
            <v>2050091210</v>
          </cell>
        </row>
        <row r="207">
          <cell r="C207">
            <v>2050091335</v>
          </cell>
        </row>
        <row r="208">
          <cell r="C208">
            <v>2050092374</v>
          </cell>
        </row>
        <row r="209">
          <cell r="C209">
            <v>2050093117</v>
          </cell>
        </row>
        <row r="210">
          <cell r="C210">
            <v>2050093307</v>
          </cell>
        </row>
        <row r="211">
          <cell r="C211">
            <v>2050093463</v>
          </cell>
        </row>
        <row r="212">
          <cell r="C212">
            <v>2050093463</v>
          </cell>
        </row>
        <row r="213">
          <cell r="C213">
            <v>2050094099</v>
          </cell>
        </row>
        <row r="214">
          <cell r="C214">
            <v>2050094099</v>
          </cell>
        </row>
        <row r="215">
          <cell r="C215">
            <v>2050094834</v>
          </cell>
        </row>
        <row r="216">
          <cell r="C216">
            <v>2050096268</v>
          </cell>
        </row>
        <row r="217">
          <cell r="C217">
            <v>2050096268</v>
          </cell>
        </row>
        <row r="218">
          <cell r="C218">
            <v>2050097126</v>
          </cell>
        </row>
        <row r="219">
          <cell r="C219">
            <v>2050098512</v>
          </cell>
        </row>
        <row r="220">
          <cell r="C220">
            <v>2050098512</v>
          </cell>
        </row>
        <row r="221">
          <cell r="C221">
            <v>2050098512</v>
          </cell>
        </row>
        <row r="222">
          <cell r="C222">
            <v>2050099163</v>
          </cell>
        </row>
        <row r="223">
          <cell r="C223">
            <v>2050100276</v>
          </cell>
        </row>
        <row r="224">
          <cell r="C224">
            <v>2050100276</v>
          </cell>
        </row>
        <row r="225">
          <cell r="C225">
            <v>2050100672</v>
          </cell>
        </row>
        <row r="226">
          <cell r="C226">
            <v>2050100961</v>
          </cell>
        </row>
        <row r="227">
          <cell r="C227">
            <v>2050101373</v>
          </cell>
        </row>
        <row r="228">
          <cell r="C228">
            <v>2050103031</v>
          </cell>
        </row>
        <row r="229">
          <cell r="C229">
            <v>2050104815</v>
          </cell>
        </row>
        <row r="230">
          <cell r="C230">
            <v>2050104823</v>
          </cell>
        </row>
        <row r="231">
          <cell r="C231">
            <v>2050104823</v>
          </cell>
        </row>
        <row r="232">
          <cell r="C232">
            <v>2050104823</v>
          </cell>
        </row>
        <row r="233">
          <cell r="C233">
            <v>2050106687</v>
          </cell>
        </row>
        <row r="234">
          <cell r="C234">
            <v>2050106851</v>
          </cell>
        </row>
        <row r="235">
          <cell r="C235">
            <v>2050107586</v>
          </cell>
        </row>
        <row r="236">
          <cell r="C236">
            <v>2050108337</v>
          </cell>
        </row>
        <row r="237">
          <cell r="C237">
            <v>2050109905</v>
          </cell>
        </row>
        <row r="238">
          <cell r="C238">
            <v>2050109905</v>
          </cell>
        </row>
        <row r="239">
          <cell r="C239">
            <v>2050110945</v>
          </cell>
        </row>
        <row r="240">
          <cell r="C240">
            <v>2050111018</v>
          </cell>
        </row>
        <row r="241">
          <cell r="C241">
            <v>2050111992</v>
          </cell>
        </row>
        <row r="242">
          <cell r="C242">
            <v>2050111992</v>
          </cell>
        </row>
        <row r="243">
          <cell r="C243">
            <v>2050112743</v>
          </cell>
        </row>
        <row r="244">
          <cell r="C244">
            <v>2050112743</v>
          </cell>
        </row>
        <row r="245">
          <cell r="C245">
            <v>2050114210</v>
          </cell>
        </row>
        <row r="246">
          <cell r="C246">
            <v>2050114517</v>
          </cell>
        </row>
        <row r="247">
          <cell r="C247">
            <v>2050114558</v>
          </cell>
        </row>
        <row r="248">
          <cell r="C248">
            <v>2050115506</v>
          </cell>
        </row>
        <row r="249">
          <cell r="C249">
            <v>2050115761</v>
          </cell>
        </row>
        <row r="250">
          <cell r="C250">
            <v>2050119631</v>
          </cell>
        </row>
        <row r="251">
          <cell r="C251">
            <v>2050119631</v>
          </cell>
        </row>
        <row r="252">
          <cell r="C252">
            <v>2050121025</v>
          </cell>
        </row>
        <row r="253">
          <cell r="C253">
            <v>2050121025</v>
          </cell>
        </row>
        <row r="254">
          <cell r="C254">
            <v>2050130174</v>
          </cell>
        </row>
        <row r="255">
          <cell r="C255">
            <v>2050130711</v>
          </cell>
        </row>
        <row r="256">
          <cell r="C256">
            <v>2050130943</v>
          </cell>
        </row>
        <row r="257">
          <cell r="C257">
            <v>2050130943</v>
          </cell>
        </row>
        <row r="258">
          <cell r="C258">
            <v>2050130943</v>
          </cell>
        </row>
        <row r="259">
          <cell r="C259">
            <v>2050131214</v>
          </cell>
        </row>
        <row r="260">
          <cell r="C260">
            <v>2050131214</v>
          </cell>
        </row>
        <row r="261">
          <cell r="C261">
            <v>2050135090</v>
          </cell>
        </row>
        <row r="262">
          <cell r="C262">
            <v>2050139373</v>
          </cell>
        </row>
        <row r="263">
          <cell r="C263">
            <v>2050146121</v>
          </cell>
        </row>
        <row r="264">
          <cell r="C264">
            <v>2050146188</v>
          </cell>
        </row>
        <row r="265">
          <cell r="C265">
            <v>2050146196</v>
          </cell>
        </row>
        <row r="266">
          <cell r="C266">
            <v>2050149620</v>
          </cell>
        </row>
        <row r="267">
          <cell r="C267">
            <v>3020000016</v>
          </cell>
        </row>
        <row r="268">
          <cell r="C268">
            <v>3020000244</v>
          </cell>
        </row>
        <row r="269">
          <cell r="C269">
            <v>3020000270</v>
          </cell>
        </row>
        <row r="270">
          <cell r="C270">
            <v>3020000315</v>
          </cell>
        </row>
        <row r="271">
          <cell r="C271">
            <v>3020000341</v>
          </cell>
        </row>
        <row r="272">
          <cell r="C272">
            <v>3020000341</v>
          </cell>
        </row>
        <row r="273">
          <cell r="C273">
            <v>3020000351</v>
          </cell>
        </row>
        <row r="274">
          <cell r="C274">
            <v>3020000351</v>
          </cell>
        </row>
        <row r="275">
          <cell r="C275">
            <v>3020000351</v>
          </cell>
        </row>
        <row r="276">
          <cell r="C276">
            <v>3020000351</v>
          </cell>
        </row>
        <row r="277">
          <cell r="C277">
            <v>3020000403</v>
          </cell>
        </row>
        <row r="278">
          <cell r="C278">
            <v>3020000444</v>
          </cell>
        </row>
        <row r="279">
          <cell r="C279">
            <v>3020000449</v>
          </cell>
        </row>
        <row r="280">
          <cell r="C280">
            <v>3020000449</v>
          </cell>
        </row>
        <row r="281">
          <cell r="C281">
            <v>3020000584</v>
          </cell>
        </row>
        <row r="282">
          <cell r="C282">
            <v>3020000669</v>
          </cell>
        </row>
        <row r="283">
          <cell r="C283">
            <v>3020000700</v>
          </cell>
        </row>
        <row r="284">
          <cell r="C284">
            <v>3020000700</v>
          </cell>
        </row>
        <row r="285">
          <cell r="C285">
            <v>3020000700</v>
          </cell>
        </row>
        <row r="286">
          <cell r="C286">
            <v>3020000747</v>
          </cell>
        </row>
        <row r="287">
          <cell r="C287">
            <v>3020000818</v>
          </cell>
        </row>
        <row r="288">
          <cell r="C288">
            <v>3020000935</v>
          </cell>
        </row>
        <row r="289">
          <cell r="C289">
            <v>3020001025</v>
          </cell>
        </row>
        <row r="290">
          <cell r="C290">
            <v>3020001072</v>
          </cell>
        </row>
        <row r="291">
          <cell r="C291">
            <v>3020001073</v>
          </cell>
        </row>
        <row r="292">
          <cell r="C292">
            <v>3020001074</v>
          </cell>
        </row>
        <row r="293">
          <cell r="C293">
            <v>3020001074</v>
          </cell>
        </row>
        <row r="294">
          <cell r="C294">
            <v>3020001154</v>
          </cell>
        </row>
        <row r="295">
          <cell r="C295">
            <v>3020001266</v>
          </cell>
        </row>
        <row r="296">
          <cell r="C296">
            <v>3020001373</v>
          </cell>
        </row>
        <row r="297">
          <cell r="C297">
            <v>3020001373</v>
          </cell>
        </row>
        <row r="298">
          <cell r="C298">
            <v>3020001397</v>
          </cell>
        </row>
        <row r="299">
          <cell r="C299">
            <v>3020001397</v>
          </cell>
        </row>
        <row r="300">
          <cell r="C300">
            <v>3020001397</v>
          </cell>
        </row>
        <row r="301">
          <cell r="C301">
            <v>3020001446</v>
          </cell>
        </row>
        <row r="302">
          <cell r="C302">
            <v>3020001456</v>
          </cell>
        </row>
        <row r="303">
          <cell r="C303">
            <v>3020001458</v>
          </cell>
        </row>
        <row r="304">
          <cell r="C304">
            <v>3020001471</v>
          </cell>
        </row>
        <row r="305">
          <cell r="C305">
            <v>3020001494</v>
          </cell>
        </row>
        <row r="306">
          <cell r="C306">
            <v>3020001552</v>
          </cell>
        </row>
        <row r="307">
          <cell r="C307">
            <v>3020001552</v>
          </cell>
        </row>
        <row r="308">
          <cell r="C308">
            <v>3020001553</v>
          </cell>
        </row>
        <row r="309">
          <cell r="C309">
            <v>3020001554</v>
          </cell>
        </row>
        <row r="310">
          <cell r="C310">
            <v>3020001764</v>
          </cell>
        </row>
        <row r="311">
          <cell r="C311">
            <v>3020001798</v>
          </cell>
        </row>
        <row r="312">
          <cell r="C312">
            <v>3020001798</v>
          </cell>
        </row>
        <row r="313">
          <cell r="C313">
            <v>3020001798</v>
          </cell>
        </row>
        <row r="314">
          <cell r="C314">
            <v>3020001836</v>
          </cell>
        </row>
        <row r="315">
          <cell r="C315">
            <v>3020001840</v>
          </cell>
        </row>
        <row r="316">
          <cell r="C316">
            <v>3020001886</v>
          </cell>
        </row>
        <row r="317">
          <cell r="C317">
            <v>3020001886</v>
          </cell>
        </row>
        <row r="318">
          <cell r="C318">
            <v>3020001913</v>
          </cell>
        </row>
        <row r="319">
          <cell r="C319">
            <v>3020001913</v>
          </cell>
        </row>
        <row r="320">
          <cell r="C320">
            <v>3020001984</v>
          </cell>
        </row>
        <row r="321">
          <cell r="C321">
            <v>3020002018</v>
          </cell>
        </row>
        <row r="322">
          <cell r="C322">
            <v>3020002026</v>
          </cell>
        </row>
        <row r="323">
          <cell r="C323">
            <v>3020002279</v>
          </cell>
        </row>
        <row r="324">
          <cell r="C324">
            <v>3020003889</v>
          </cell>
        </row>
      </sheetData>
      <sheetData sheetId="10">
        <row r="2">
          <cell r="C2">
            <v>74</v>
          </cell>
        </row>
        <row r="3">
          <cell r="C3">
            <v>74</v>
          </cell>
        </row>
        <row r="4">
          <cell r="C4">
            <v>198</v>
          </cell>
        </row>
        <row r="5">
          <cell r="C5">
            <v>198</v>
          </cell>
        </row>
        <row r="6">
          <cell r="C6">
            <v>316</v>
          </cell>
        </row>
        <row r="7">
          <cell r="C7">
            <v>429</v>
          </cell>
        </row>
        <row r="8">
          <cell r="C8">
            <v>492</v>
          </cell>
        </row>
        <row r="9">
          <cell r="C9">
            <v>2050007851</v>
          </cell>
        </row>
        <row r="10">
          <cell r="C10">
            <v>2050007851</v>
          </cell>
        </row>
        <row r="11">
          <cell r="C11">
            <v>2050011259</v>
          </cell>
        </row>
        <row r="12">
          <cell r="C12">
            <v>2050011259</v>
          </cell>
        </row>
        <row r="13">
          <cell r="C13">
            <v>2050011440</v>
          </cell>
        </row>
        <row r="14">
          <cell r="C14">
            <v>2050013636</v>
          </cell>
        </row>
        <row r="15">
          <cell r="C15">
            <v>2050015466</v>
          </cell>
        </row>
        <row r="16">
          <cell r="C16">
            <v>2050015466</v>
          </cell>
        </row>
        <row r="17">
          <cell r="C17">
            <v>2050017173</v>
          </cell>
        </row>
        <row r="18">
          <cell r="C18">
            <v>2050018320</v>
          </cell>
        </row>
        <row r="19">
          <cell r="C19">
            <v>2050020110</v>
          </cell>
        </row>
        <row r="20">
          <cell r="C20">
            <v>2050020284</v>
          </cell>
        </row>
        <row r="21">
          <cell r="C21">
            <v>2050020284</v>
          </cell>
        </row>
        <row r="22">
          <cell r="C22">
            <v>2050021571</v>
          </cell>
        </row>
        <row r="23">
          <cell r="C23">
            <v>2050021571</v>
          </cell>
        </row>
        <row r="24">
          <cell r="C24">
            <v>2050022710</v>
          </cell>
        </row>
        <row r="25">
          <cell r="C25">
            <v>2050023080</v>
          </cell>
        </row>
        <row r="26">
          <cell r="C26">
            <v>2050023080</v>
          </cell>
        </row>
        <row r="27">
          <cell r="C27">
            <v>2050023197</v>
          </cell>
        </row>
        <row r="28">
          <cell r="C28">
            <v>2050023197</v>
          </cell>
        </row>
        <row r="29">
          <cell r="C29">
            <v>2050025382</v>
          </cell>
        </row>
        <row r="30">
          <cell r="C30">
            <v>2050025531</v>
          </cell>
        </row>
        <row r="31">
          <cell r="C31">
            <v>2050025754</v>
          </cell>
        </row>
        <row r="32">
          <cell r="C32">
            <v>2050026281</v>
          </cell>
        </row>
        <row r="33">
          <cell r="C33">
            <v>2050026281</v>
          </cell>
        </row>
        <row r="34">
          <cell r="C34">
            <v>2050026299</v>
          </cell>
        </row>
        <row r="35">
          <cell r="C35">
            <v>2050026299</v>
          </cell>
        </row>
        <row r="36">
          <cell r="C36">
            <v>2050026299</v>
          </cell>
        </row>
        <row r="37">
          <cell r="C37">
            <v>2050026299</v>
          </cell>
        </row>
        <row r="38">
          <cell r="C38">
            <v>2050027669</v>
          </cell>
        </row>
        <row r="39">
          <cell r="C39">
            <v>2050028188</v>
          </cell>
        </row>
        <row r="40">
          <cell r="C40">
            <v>2050028634</v>
          </cell>
        </row>
        <row r="41">
          <cell r="C41">
            <v>2050029178</v>
          </cell>
        </row>
        <row r="42">
          <cell r="C42">
            <v>2050029772</v>
          </cell>
        </row>
        <row r="43">
          <cell r="C43">
            <v>2050029772</v>
          </cell>
        </row>
        <row r="44">
          <cell r="C44">
            <v>2050030119</v>
          </cell>
        </row>
        <row r="45">
          <cell r="C45">
            <v>2050030119</v>
          </cell>
        </row>
        <row r="46">
          <cell r="C46">
            <v>2050031018</v>
          </cell>
        </row>
        <row r="47">
          <cell r="C47">
            <v>2050031075</v>
          </cell>
        </row>
        <row r="48">
          <cell r="C48">
            <v>2050031372</v>
          </cell>
        </row>
        <row r="49">
          <cell r="C49">
            <v>2050031497</v>
          </cell>
        </row>
        <row r="50">
          <cell r="C50">
            <v>2050031497</v>
          </cell>
        </row>
        <row r="51">
          <cell r="C51">
            <v>2050032107</v>
          </cell>
        </row>
        <row r="52">
          <cell r="C52">
            <v>2050032107</v>
          </cell>
        </row>
        <row r="53">
          <cell r="C53">
            <v>2050032875</v>
          </cell>
        </row>
        <row r="54">
          <cell r="C54">
            <v>2050034194</v>
          </cell>
        </row>
        <row r="55">
          <cell r="C55">
            <v>2050034616</v>
          </cell>
        </row>
        <row r="56">
          <cell r="C56">
            <v>2050034616</v>
          </cell>
        </row>
        <row r="57">
          <cell r="C57">
            <v>2050034616</v>
          </cell>
        </row>
        <row r="58">
          <cell r="C58">
            <v>2050035357</v>
          </cell>
        </row>
        <row r="59">
          <cell r="C59">
            <v>2050035597</v>
          </cell>
        </row>
        <row r="60">
          <cell r="C60">
            <v>2050035753</v>
          </cell>
        </row>
        <row r="61">
          <cell r="C61">
            <v>2050035985</v>
          </cell>
        </row>
        <row r="62">
          <cell r="C62">
            <v>2050036181</v>
          </cell>
        </row>
        <row r="63">
          <cell r="C63">
            <v>2050036447</v>
          </cell>
        </row>
        <row r="64">
          <cell r="C64">
            <v>2050037361</v>
          </cell>
        </row>
        <row r="65">
          <cell r="C65">
            <v>2050037361</v>
          </cell>
        </row>
        <row r="66">
          <cell r="C66">
            <v>2050037361</v>
          </cell>
        </row>
        <row r="67">
          <cell r="C67">
            <v>2050037403</v>
          </cell>
        </row>
        <row r="68">
          <cell r="C68">
            <v>2050037510</v>
          </cell>
        </row>
        <row r="69">
          <cell r="C69">
            <v>2050037510</v>
          </cell>
        </row>
        <row r="70">
          <cell r="C70">
            <v>2050037510</v>
          </cell>
        </row>
        <row r="71">
          <cell r="C71">
            <v>2050037650</v>
          </cell>
        </row>
        <row r="72">
          <cell r="C72">
            <v>2050037718</v>
          </cell>
        </row>
        <row r="73">
          <cell r="C73">
            <v>2050038153</v>
          </cell>
        </row>
        <row r="74">
          <cell r="C74">
            <v>2050038880</v>
          </cell>
        </row>
        <row r="75">
          <cell r="C75">
            <v>2050039219</v>
          </cell>
        </row>
        <row r="76">
          <cell r="C76">
            <v>2050039219</v>
          </cell>
        </row>
        <row r="77">
          <cell r="C77">
            <v>2050039326</v>
          </cell>
        </row>
        <row r="78">
          <cell r="C78">
            <v>2050039599</v>
          </cell>
        </row>
        <row r="79">
          <cell r="C79">
            <v>2050039888</v>
          </cell>
        </row>
        <row r="80">
          <cell r="C80">
            <v>2050040605</v>
          </cell>
        </row>
        <row r="81">
          <cell r="C81">
            <v>2050040696</v>
          </cell>
        </row>
        <row r="82">
          <cell r="C82">
            <v>2050041124</v>
          </cell>
        </row>
        <row r="83">
          <cell r="C83">
            <v>2050041439</v>
          </cell>
        </row>
        <row r="84">
          <cell r="C84">
            <v>2050041439</v>
          </cell>
        </row>
        <row r="85">
          <cell r="C85">
            <v>2050041660</v>
          </cell>
        </row>
        <row r="86">
          <cell r="C86">
            <v>2050041777</v>
          </cell>
        </row>
        <row r="87">
          <cell r="C87">
            <v>2050041777</v>
          </cell>
        </row>
        <row r="88">
          <cell r="C88">
            <v>2050041777</v>
          </cell>
        </row>
        <row r="89">
          <cell r="C89">
            <v>2050042585</v>
          </cell>
        </row>
        <row r="90">
          <cell r="C90">
            <v>2050042692</v>
          </cell>
        </row>
        <row r="91">
          <cell r="C91">
            <v>2050042692</v>
          </cell>
        </row>
        <row r="92">
          <cell r="C92">
            <v>2050042734</v>
          </cell>
        </row>
        <row r="93">
          <cell r="C93">
            <v>2050042734</v>
          </cell>
        </row>
        <row r="94">
          <cell r="C94">
            <v>2050043377</v>
          </cell>
        </row>
        <row r="95">
          <cell r="C95">
            <v>2050043377</v>
          </cell>
        </row>
        <row r="96">
          <cell r="C96">
            <v>2050043377</v>
          </cell>
        </row>
        <row r="97">
          <cell r="C97">
            <v>2050043930</v>
          </cell>
        </row>
        <row r="98">
          <cell r="C98">
            <v>2050043930</v>
          </cell>
        </row>
        <row r="99">
          <cell r="C99">
            <v>2050043948</v>
          </cell>
        </row>
        <row r="100">
          <cell r="C100">
            <v>2050043948</v>
          </cell>
        </row>
        <row r="101">
          <cell r="C101">
            <v>2050043948</v>
          </cell>
        </row>
        <row r="102">
          <cell r="C102">
            <v>2050044185</v>
          </cell>
        </row>
        <row r="103">
          <cell r="C103">
            <v>2050044284</v>
          </cell>
        </row>
        <row r="104">
          <cell r="C104">
            <v>2050044284</v>
          </cell>
        </row>
        <row r="105">
          <cell r="C105">
            <v>2050044292</v>
          </cell>
        </row>
        <row r="106">
          <cell r="C106">
            <v>2050044524</v>
          </cell>
        </row>
        <row r="107">
          <cell r="C107">
            <v>2050044755</v>
          </cell>
        </row>
        <row r="108">
          <cell r="C108">
            <v>2050044755</v>
          </cell>
        </row>
        <row r="109">
          <cell r="C109">
            <v>2050045133</v>
          </cell>
        </row>
        <row r="110">
          <cell r="C110">
            <v>2050045489</v>
          </cell>
        </row>
        <row r="111">
          <cell r="C111">
            <v>2050045489</v>
          </cell>
        </row>
        <row r="112">
          <cell r="C112">
            <v>2050045604</v>
          </cell>
        </row>
        <row r="113">
          <cell r="C113">
            <v>2050045604</v>
          </cell>
        </row>
        <row r="114">
          <cell r="C114">
            <v>2050046008</v>
          </cell>
        </row>
        <row r="115">
          <cell r="C115">
            <v>2050046453</v>
          </cell>
        </row>
        <row r="116">
          <cell r="C116">
            <v>2050046537</v>
          </cell>
        </row>
        <row r="117">
          <cell r="C117">
            <v>2050046768</v>
          </cell>
        </row>
        <row r="118">
          <cell r="C118">
            <v>2050046792</v>
          </cell>
        </row>
        <row r="119">
          <cell r="C119">
            <v>2050047162</v>
          </cell>
        </row>
        <row r="120">
          <cell r="C120">
            <v>2050047162</v>
          </cell>
        </row>
        <row r="121">
          <cell r="C121">
            <v>2050048442</v>
          </cell>
        </row>
        <row r="122">
          <cell r="C122">
            <v>2050048442</v>
          </cell>
        </row>
        <row r="123">
          <cell r="C123">
            <v>2050049036</v>
          </cell>
        </row>
        <row r="124">
          <cell r="C124">
            <v>2050049085</v>
          </cell>
        </row>
        <row r="125">
          <cell r="C125">
            <v>2050049093</v>
          </cell>
        </row>
        <row r="126">
          <cell r="C126">
            <v>2050049093</v>
          </cell>
        </row>
        <row r="127">
          <cell r="C127">
            <v>2050049259</v>
          </cell>
        </row>
        <row r="128">
          <cell r="C128">
            <v>2050050968</v>
          </cell>
        </row>
        <row r="129">
          <cell r="C129">
            <v>2050050968</v>
          </cell>
        </row>
        <row r="130">
          <cell r="C130">
            <v>2050051115</v>
          </cell>
        </row>
        <row r="131">
          <cell r="C131">
            <v>2050051131</v>
          </cell>
        </row>
        <row r="132">
          <cell r="C132">
            <v>2050051396</v>
          </cell>
        </row>
        <row r="133">
          <cell r="C133">
            <v>2050051396</v>
          </cell>
        </row>
        <row r="134">
          <cell r="C134">
            <v>2050051974</v>
          </cell>
        </row>
        <row r="135">
          <cell r="C135">
            <v>2050052147</v>
          </cell>
        </row>
        <row r="136">
          <cell r="C136">
            <v>2050052147</v>
          </cell>
        </row>
        <row r="137">
          <cell r="C137">
            <v>2050052311</v>
          </cell>
        </row>
        <row r="138">
          <cell r="C138">
            <v>2050054515</v>
          </cell>
        </row>
        <row r="139">
          <cell r="C139">
            <v>2050054978</v>
          </cell>
        </row>
        <row r="140">
          <cell r="C140">
            <v>2050056155</v>
          </cell>
        </row>
        <row r="141">
          <cell r="C141">
            <v>2050056155</v>
          </cell>
        </row>
        <row r="142">
          <cell r="C142">
            <v>2050057658</v>
          </cell>
        </row>
        <row r="143">
          <cell r="C143">
            <v>2050057658</v>
          </cell>
        </row>
        <row r="144">
          <cell r="C144">
            <v>2050057658</v>
          </cell>
        </row>
        <row r="145">
          <cell r="C145">
            <v>2050057815</v>
          </cell>
        </row>
        <row r="146">
          <cell r="C146">
            <v>2050057815</v>
          </cell>
        </row>
        <row r="147">
          <cell r="C147">
            <v>2050057898</v>
          </cell>
        </row>
        <row r="148">
          <cell r="C148">
            <v>2050058102</v>
          </cell>
        </row>
        <row r="149">
          <cell r="C149">
            <v>2050058169</v>
          </cell>
        </row>
        <row r="150">
          <cell r="C150">
            <v>2050058169</v>
          </cell>
        </row>
        <row r="151">
          <cell r="C151">
            <v>2050058250</v>
          </cell>
        </row>
        <row r="152">
          <cell r="C152">
            <v>2050059035</v>
          </cell>
        </row>
        <row r="153">
          <cell r="C153">
            <v>2050060009</v>
          </cell>
        </row>
        <row r="154">
          <cell r="C154">
            <v>2050060009</v>
          </cell>
        </row>
        <row r="155">
          <cell r="C155">
            <v>2050060355</v>
          </cell>
        </row>
        <row r="156">
          <cell r="C156">
            <v>2050060355</v>
          </cell>
        </row>
        <row r="157">
          <cell r="C157">
            <v>2050060355</v>
          </cell>
        </row>
        <row r="158">
          <cell r="C158">
            <v>2050060439</v>
          </cell>
        </row>
        <row r="159">
          <cell r="C159">
            <v>2050060629</v>
          </cell>
        </row>
        <row r="160">
          <cell r="C160">
            <v>2050060645</v>
          </cell>
        </row>
        <row r="161">
          <cell r="C161">
            <v>2050060934</v>
          </cell>
        </row>
        <row r="162">
          <cell r="C162">
            <v>2050060934</v>
          </cell>
        </row>
        <row r="163">
          <cell r="C163">
            <v>2050060934</v>
          </cell>
        </row>
        <row r="164">
          <cell r="C164">
            <v>2050061031</v>
          </cell>
        </row>
        <row r="165">
          <cell r="C165">
            <v>2050061031</v>
          </cell>
        </row>
        <row r="166">
          <cell r="C166">
            <v>2050061445</v>
          </cell>
        </row>
        <row r="167">
          <cell r="C167">
            <v>2050061577</v>
          </cell>
        </row>
        <row r="168">
          <cell r="C168">
            <v>2050061577</v>
          </cell>
        </row>
        <row r="169">
          <cell r="C169">
            <v>2050062120</v>
          </cell>
        </row>
        <row r="170">
          <cell r="C170">
            <v>2050062393</v>
          </cell>
        </row>
        <row r="171">
          <cell r="C171">
            <v>2050062609</v>
          </cell>
        </row>
        <row r="172">
          <cell r="C172">
            <v>2050063029</v>
          </cell>
        </row>
        <row r="173">
          <cell r="C173">
            <v>2050063680</v>
          </cell>
        </row>
        <row r="174">
          <cell r="C174">
            <v>2050063680</v>
          </cell>
        </row>
        <row r="175">
          <cell r="C175">
            <v>2050063995</v>
          </cell>
        </row>
        <row r="176">
          <cell r="C176">
            <v>2050064647</v>
          </cell>
        </row>
        <row r="177">
          <cell r="C177">
            <v>2050066337</v>
          </cell>
        </row>
        <row r="178">
          <cell r="C178">
            <v>2050066337</v>
          </cell>
        </row>
        <row r="179">
          <cell r="C179">
            <v>2050066451</v>
          </cell>
        </row>
        <row r="180">
          <cell r="C180">
            <v>2050066865</v>
          </cell>
        </row>
        <row r="181">
          <cell r="C181">
            <v>2050066998</v>
          </cell>
        </row>
        <row r="182">
          <cell r="C182">
            <v>2050067467</v>
          </cell>
        </row>
        <row r="183">
          <cell r="C183">
            <v>2050067905</v>
          </cell>
        </row>
        <row r="184">
          <cell r="C184">
            <v>2050067905</v>
          </cell>
        </row>
        <row r="185">
          <cell r="C185">
            <v>2050068614</v>
          </cell>
        </row>
        <row r="186">
          <cell r="C186">
            <v>2050068614</v>
          </cell>
        </row>
        <row r="187">
          <cell r="C187">
            <v>2050069570</v>
          </cell>
        </row>
        <row r="188">
          <cell r="C188">
            <v>2050069596</v>
          </cell>
        </row>
        <row r="189">
          <cell r="C189">
            <v>2050069596</v>
          </cell>
        </row>
        <row r="190">
          <cell r="C190">
            <v>2050070057</v>
          </cell>
        </row>
        <row r="191">
          <cell r="C191">
            <v>2050070297</v>
          </cell>
        </row>
        <row r="192">
          <cell r="C192">
            <v>2050070685</v>
          </cell>
        </row>
        <row r="193">
          <cell r="C193">
            <v>2050073093</v>
          </cell>
        </row>
        <row r="194">
          <cell r="C194">
            <v>2050073622</v>
          </cell>
        </row>
        <row r="195">
          <cell r="C195">
            <v>2050073820</v>
          </cell>
        </row>
        <row r="196">
          <cell r="C196">
            <v>2050073820</v>
          </cell>
        </row>
        <row r="197">
          <cell r="C197">
            <v>2050074505</v>
          </cell>
        </row>
        <row r="198">
          <cell r="C198">
            <v>2050075577</v>
          </cell>
        </row>
        <row r="199">
          <cell r="C199">
            <v>2050075619</v>
          </cell>
        </row>
        <row r="200">
          <cell r="C200">
            <v>2050075619</v>
          </cell>
        </row>
        <row r="201">
          <cell r="C201">
            <v>2050076120</v>
          </cell>
        </row>
        <row r="202">
          <cell r="C202">
            <v>2050076161</v>
          </cell>
        </row>
        <row r="203">
          <cell r="C203">
            <v>2050076385</v>
          </cell>
        </row>
        <row r="204">
          <cell r="C204">
            <v>2050076385</v>
          </cell>
        </row>
        <row r="205">
          <cell r="C205">
            <v>2050076674</v>
          </cell>
        </row>
        <row r="206">
          <cell r="C206">
            <v>2050076674</v>
          </cell>
        </row>
        <row r="207">
          <cell r="C207">
            <v>2050076831</v>
          </cell>
        </row>
        <row r="208">
          <cell r="C208">
            <v>2050076831</v>
          </cell>
        </row>
        <row r="209">
          <cell r="C209">
            <v>2050076831</v>
          </cell>
        </row>
        <row r="210">
          <cell r="C210">
            <v>2050076856</v>
          </cell>
        </row>
        <row r="211">
          <cell r="C211">
            <v>2050076856</v>
          </cell>
        </row>
        <row r="212">
          <cell r="C212">
            <v>2050076856</v>
          </cell>
        </row>
        <row r="213">
          <cell r="C213">
            <v>2050077292</v>
          </cell>
        </row>
        <row r="214">
          <cell r="C214">
            <v>2050077292</v>
          </cell>
        </row>
        <row r="215">
          <cell r="C215">
            <v>2050077888</v>
          </cell>
        </row>
        <row r="216">
          <cell r="C216">
            <v>2050078829</v>
          </cell>
        </row>
        <row r="217">
          <cell r="C217">
            <v>2050078829</v>
          </cell>
        </row>
        <row r="218">
          <cell r="C218">
            <v>2050083951</v>
          </cell>
        </row>
        <row r="219">
          <cell r="C219">
            <v>2050085907</v>
          </cell>
        </row>
        <row r="220">
          <cell r="C220">
            <v>2050086392</v>
          </cell>
        </row>
        <row r="221">
          <cell r="C221">
            <v>2050087317</v>
          </cell>
        </row>
        <row r="222">
          <cell r="C222">
            <v>2050087861</v>
          </cell>
        </row>
        <row r="223">
          <cell r="C223">
            <v>2050087861</v>
          </cell>
        </row>
        <row r="224">
          <cell r="C224">
            <v>2050088653</v>
          </cell>
        </row>
        <row r="225">
          <cell r="C225">
            <v>2050089412</v>
          </cell>
        </row>
        <row r="226">
          <cell r="C226">
            <v>2050089800</v>
          </cell>
        </row>
        <row r="227">
          <cell r="C227">
            <v>2050089800</v>
          </cell>
        </row>
        <row r="228">
          <cell r="C228">
            <v>2050090162</v>
          </cell>
        </row>
        <row r="229">
          <cell r="C229">
            <v>2050090162</v>
          </cell>
        </row>
        <row r="230">
          <cell r="C230">
            <v>2050090410</v>
          </cell>
        </row>
        <row r="231">
          <cell r="C231">
            <v>2050090410</v>
          </cell>
        </row>
        <row r="232">
          <cell r="C232">
            <v>2050090600</v>
          </cell>
        </row>
        <row r="233">
          <cell r="C233">
            <v>2050091210</v>
          </cell>
        </row>
        <row r="234">
          <cell r="C234">
            <v>2050091301</v>
          </cell>
        </row>
        <row r="235">
          <cell r="C235">
            <v>2050091335</v>
          </cell>
        </row>
        <row r="236">
          <cell r="C236">
            <v>2050092374</v>
          </cell>
        </row>
        <row r="237">
          <cell r="C237">
            <v>2050093117</v>
          </cell>
        </row>
        <row r="238">
          <cell r="C238">
            <v>2050093307</v>
          </cell>
        </row>
        <row r="239">
          <cell r="C239">
            <v>2050093463</v>
          </cell>
        </row>
        <row r="240">
          <cell r="C240">
            <v>2050094099</v>
          </cell>
        </row>
        <row r="241">
          <cell r="C241">
            <v>2050094099</v>
          </cell>
        </row>
        <row r="242">
          <cell r="C242">
            <v>2050094834</v>
          </cell>
        </row>
        <row r="243">
          <cell r="C243">
            <v>2050096268</v>
          </cell>
        </row>
        <row r="244">
          <cell r="C244">
            <v>2050096268</v>
          </cell>
        </row>
        <row r="245">
          <cell r="C245">
            <v>2050097126</v>
          </cell>
        </row>
        <row r="246">
          <cell r="C246">
            <v>2050097126</v>
          </cell>
        </row>
        <row r="247">
          <cell r="C247">
            <v>2050098512</v>
          </cell>
        </row>
        <row r="248">
          <cell r="C248">
            <v>2050098512</v>
          </cell>
        </row>
        <row r="249">
          <cell r="C249">
            <v>2050098512</v>
          </cell>
        </row>
        <row r="250">
          <cell r="C250">
            <v>2050099163</v>
          </cell>
        </row>
        <row r="251">
          <cell r="C251">
            <v>2050099163</v>
          </cell>
        </row>
        <row r="252">
          <cell r="C252">
            <v>2050100276</v>
          </cell>
        </row>
        <row r="253">
          <cell r="C253">
            <v>2050100276</v>
          </cell>
        </row>
        <row r="254">
          <cell r="C254">
            <v>2050100672</v>
          </cell>
        </row>
        <row r="255">
          <cell r="C255">
            <v>2050100961</v>
          </cell>
        </row>
        <row r="256">
          <cell r="C256">
            <v>2050101373</v>
          </cell>
        </row>
        <row r="257">
          <cell r="C257">
            <v>2050103031</v>
          </cell>
        </row>
        <row r="258">
          <cell r="C258">
            <v>2050104815</v>
          </cell>
        </row>
        <row r="259">
          <cell r="C259">
            <v>2050104823</v>
          </cell>
        </row>
        <row r="260">
          <cell r="C260">
            <v>2050104823</v>
          </cell>
        </row>
        <row r="261">
          <cell r="C261">
            <v>2050104823</v>
          </cell>
        </row>
        <row r="262">
          <cell r="C262">
            <v>2050106687</v>
          </cell>
        </row>
        <row r="263">
          <cell r="C263">
            <v>2050106851</v>
          </cell>
        </row>
        <row r="264">
          <cell r="C264">
            <v>2050107586</v>
          </cell>
        </row>
        <row r="265">
          <cell r="C265">
            <v>2050108337</v>
          </cell>
        </row>
        <row r="266">
          <cell r="C266">
            <v>2050109905</v>
          </cell>
        </row>
        <row r="267">
          <cell r="C267">
            <v>2050109905</v>
          </cell>
        </row>
        <row r="268">
          <cell r="C268">
            <v>2050110945</v>
          </cell>
        </row>
        <row r="269">
          <cell r="C269">
            <v>2050111018</v>
          </cell>
        </row>
        <row r="270">
          <cell r="C270">
            <v>2050111992</v>
          </cell>
        </row>
        <row r="271">
          <cell r="C271">
            <v>2050111992</v>
          </cell>
        </row>
        <row r="272">
          <cell r="C272">
            <v>2050112149</v>
          </cell>
        </row>
        <row r="273">
          <cell r="C273">
            <v>2050112743</v>
          </cell>
        </row>
        <row r="274">
          <cell r="C274">
            <v>2050112743</v>
          </cell>
        </row>
        <row r="275">
          <cell r="C275">
            <v>2050114210</v>
          </cell>
        </row>
        <row r="276">
          <cell r="C276">
            <v>2050114517</v>
          </cell>
        </row>
        <row r="277">
          <cell r="C277">
            <v>2050114558</v>
          </cell>
        </row>
        <row r="278">
          <cell r="C278">
            <v>2050115506</v>
          </cell>
        </row>
        <row r="279">
          <cell r="C279">
            <v>2050115761</v>
          </cell>
        </row>
        <row r="280">
          <cell r="C280">
            <v>2050119631</v>
          </cell>
        </row>
        <row r="281">
          <cell r="C281">
            <v>2050119631</v>
          </cell>
        </row>
        <row r="282">
          <cell r="C282">
            <v>2050121025</v>
          </cell>
        </row>
        <row r="283">
          <cell r="C283">
            <v>2050121025</v>
          </cell>
        </row>
        <row r="284">
          <cell r="C284">
            <v>2050130174</v>
          </cell>
        </row>
        <row r="285">
          <cell r="C285">
            <v>2050130711</v>
          </cell>
        </row>
        <row r="286">
          <cell r="C286">
            <v>2050130943</v>
          </cell>
        </row>
        <row r="287">
          <cell r="C287">
            <v>2050130943</v>
          </cell>
        </row>
        <row r="288">
          <cell r="C288">
            <v>2050130943</v>
          </cell>
        </row>
        <row r="289">
          <cell r="C289">
            <v>2050131214</v>
          </cell>
        </row>
        <row r="290">
          <cell r="C290">
            <v>2050131214</v>
          </cell>
        </row>
        <row r="291">
          <cell r="C291">
            <v>2050135090</v>
          </cell>
        </row>
        <row r="292">
          <cell r="C292">
            <v>2050139373</v>
          </cell>
        </row>
        <row r="293">
          <cell r="C293">
            <v>2050146121</v>
          </cell>
        </row>
        <row r="294">
          <cell r="C294">
            <v>2050146188</v>
          </cell>
        </row>
        <row r="295">
          <cell r="C295">
            <v>2050146196</v>
          </cell>
        </row>
        <row r="296">
          <cell r="C296">
            <v>2050149620</v>
          </cell>
        </row>
        <row r="297">
          <cell r="C297">
            <v>3020000016</v>
          </cell>
        </row>
        <row r="298">
          <cell r="C298">
            <v>3020000244</v>
          </cell>
        </row>
        <row r="299">
          <cell r="C299">
            <v>3020000270</v>
          </cell>
        </row>
        <row r="300">
          <cell r="C300">
            <v>3020000315</v>
          </cell>
        </row>
        <row r="301">
          <cell r="C301">
            <v>3020000341</v>
          </cell>
        </row>
        <row r="302">
          <cell r="C302">
            <v>3020000341</v>
          </cell>
        </row>
        <row r="303">
          <cell r="C303">
            <v>3020000351</v>
          </cell>
        </row>
        <row r="304">
          <cell r="C304">
            <v>3020000351</v>
          </cell>
        </row>
        <row r="305">
          <cell r="C305">
            <v>3020000351</v>
          </cell>
        </row>
        <row r="306">
          <cell r="C306">
            <v>3020000351</v>
          </cell>
        </row>
        <row r="307">
          <cell r="C307">
            <v>3020000403</v>
          </cell>
        </row>
        <row r="308">
          <cell r="C308">
            <v>3020000443</v>
          </cell>
        </row>
        <row r="309">
          <cell r="C309">
            <v>3020000444</v>
          </cell>
        </row>
        <row r="310">
          <cell r="C310">
            <v>3020000449</v>
          </cell>
        </row>
        <row r="311">
          <cell r="C311">
            <v>3020000449</v>
          </cell>
        </row>
        <row r="312">
          <cell r="C312">
            <v>3020000467</v>
          </cell>
        </row>
        <row r="313">
          <cell r="C313">
            <v>3020000510</v>
          </cell>
        </row>
        <row r="314">
          <cell r="C314">
            <v>3020000584</v>
          </cell>
        </row>
        <row r="315">
          <cell r="C315">
            <v>3020000669</v>
          </cell>
        </row>
        <row r="316">
          <cell r="C316">
            <v>3020000700</v>
          </cell>
        </row>
        <row r="317">
          <cell r="C317">
            <v>3020000700</v>
          </cell>
        </row>
        <row r="318">
          <cell r="C318">
            <v>3020000700</v>
          </cell>
        </row>
        <row r="319">
          <cell r="C319">
            <v>3020000747</v>
          </cell>
        </row>
        <row r="320">
          <cell r="C320">
            <v>3020000818</v>
          </cell>
        </row>
        <row r="321">
          <cell r="C321">
            <v>3020000935</v>
          </cell>
        </row>
        <row r="322">
          <cell r="C322">
            <v>3020000993</v>
          </cell>
        </row>
        <row r="323">
          <cell r="C323">
            <v>3020001025</v>
          </cell>
        </row>
        <row r="324">
          <cell r="C324">
            <v>3020001072</v>
          </cell>
        </row>
        <row r="325">
          <cell r="C325">
            <v>3020001073</v>
          </cell>
        </row>
        <row r="326">
          <cell r="C326">
            <v>3020001074</v>
          </cell>
        </row>
        <row r="327">
          <cell r="C327">
            <v>3020001074</v>
          </cell>
        </row>
        <row r="328">
          <cell r="C328">
            <v>3020001154</v>
          </cell>
        </row>
        <row r="329">
          <cell r="C329">
            <v>3020001266</v>
          </cell>
        </row>
        <row r="330">
          <cell r="C330">
            <v>3020001266</v>
          </cell>
        </row>
        <row r="331">
          <cell r="C331">
            <v>3020001373</v>
          </cell>
        </row>
        <row r="332">
          <cell r="C332">
            <v>3020001373</v>
          </cell>
        </row>
        <row r="333">
          <cell r="C333">
            <v>3020001397</v>
          </cell>
        </row>
        <row r="334">
          <cell r="C334">
            <v>3020001397</v>
          </cell>
        </row>
        <row r="335">
          <cell r="C335">
            <v>3020001397</v>
          </cell>
        </row>
        <row r="336">
          <cell r="C336">
            <v>3020001446</v>
          </cell>
        </row>
        <row r="337">
          <cell r="C337">
            <v>3020001456</v>
          </cell>
        </row>
        <row r="338">
          <cell r="C338">
            <v>3020001458</v>
          </cell>
        </row>
        <row r="339">
          <cell r="C339">
            <v>3020001471</v>
          </cell>
        </row>
        <row r="340">
          <cell r="C340">
            <v>3020001494</v>
          </cell>
        </row>
        <row r="341">
          <cell r="C341">
            <v>3020001552</v>
          </cell>
        </row>
        <row r="342">
          <cell r="C342">
            <v>3020001552</v>
          </cell>
        </row>
        <row r="343">
          <cell r="C343">
            <v>3020001553</v>
          </cell>
        </row>
        <row r="344">
          <cell r="C344">
            <v>3020001554</v>
          </cell>
        </row>
        <row r="345">
          <cell r="C345">
            <v>3020001764</v>
          </cell>
        </row>
        <row r="346">
          <cell r="C346">
            <v>3020001798</v>
          </cell>
        </row>
        <row r="347">
          <cell r="C347">
            <v>3020001798</v>
          </cell>
        </row>
        <row r="348">
          <cell r="C348">
            <v>3020001798</v>
          </cell>
        </row>
        <row r="349">
          <cell r="C349">
            <v>3020001836</v>
          </cell>
        </row>
        <row r="350">
          <cell r="C350">
            <v>3020001840</v>
          </cell>
        </row>
        <row r="351">
          <cell r="C351">
            <v>3020001886</v>
          </cell>
        </row>
        <row r="352">
          <cell r="C352">
            <v>3020001886</v>
          </cell>
        </row>
        <row r="353">
          <cell r="C353">
            <v>3020001913</v>
          </cell>
        </row>
        <row r="354">
          <cell r="C354">
            <v>3020001913</v>
          </cell>
        </row>
        <row r="355">
          <cell r="C355">
            <v>3020001984</v>
          </cell>
        </row>
        <row r="356">
          <cell r="C356">
            <v>3020002018</v>
          </cell>
        </row>
        <row r="357">
          <cell r="C357">
            <v>3020002026</v>
          </cell>
        </row>
        <row r="358">
          <cell r="C358">
            <v>3020002279</v>
          </cell>
        </row>
        <row r="359">
          <cell r="C359">
            <v>3020003889</v>
          </cell>
        </row>
      </sheetData>
      <sheetData sheetId="11">
        <row r="2">
          <cell r="C2">
            <v>74</v>
          </cell>
        </row>
        <row r="3">
          <cell r="C3">
            <v>198</v>
          </cell>
        </row>
        <row r="4">
          <cell r="C4">
            <v>198</v>
          </cell>
        </row>
        <row r="5">
          <cell r="C5">
            <v>316</v>
          </cell>
        </row>
        <row r="6">
          <cell r="C6">
            <v>429</v>
          </cell>
        </row>
        <row r="7">
          <cell r="C7">
            <v>492</v>
          </cell>
        </row>
        <row r="8">
          <cell r="C8">
            <v>2050007851</v>
          </cell>
        </row>
        <row r="9">
          <cell r="C9">
            <v>2050007851</v>
          </cell>
        </row>
        <row r="10">
          <cell r="C10">
            <v>2050011259</v>
          </cell>
        </row>
        <row r="11">
          <cell r="C11">
            <v>2050011259</v>
          </cell>
        </row>
        <row r="12">
          <cell r="C12">
            <v>2050011440</v>
          </cell>
        </row>
        <row r="13">
          <cell r="C13">
            <v>2050013636</v>
          </cell>
        </row>
        <row r="14">
          <cell r="C14">
            <v>2050015466</v>
          </cell>
        </row>
        <row r="15">
          <cell r="C15">
            <v>2050015466</v>
          </cell>
        </row>
        <row r="16">
          <cell r="C16">
            <v>2050017173</v>
          </cell>
        </row>
        <row r="17">
          <cell r="C17">
            <v>2050018320</v>
          </cell>
        </row>
        <row r="18">
          <cell r="C18">
            <v>2050020110</v>
          </cell>
        </row>
        <row r="19">
          <cell r="C19">
            <v>2050020284</v>
          </cell>
        </row>
        <row r="20">
          <cell r="C20">
            <v>2050020284</v>
          </cell>
        </row>
        <row r="21">
          <cell r="C21">
            <v>2050021571</v>
          </cell>
        </row>
        <row r="22">
          <cell r="C22">
            <v>2050021571</v>
          </cell>
        </row>
        <row r="23">
          <cell r="C23">
            <v>2050022710</v>
          </cell>
        </row>
        <row r="24">
          <cell r="C24">
            <v>2050023197</v>
          </cell>
        </row>
        <row r="25">
          <cell r="C25">
            <v>2050023197</v>
          </cell>
        </row>
        <row r="26">
          <cell r="C26">
            <v>2050025382</v>
          </cell>
        </row>
        <row r="27">
          <cell r="C27">
            <v>2050025531</v>
          </cell>
        </row>
        <row r="28">
          <cell r="C28">
            <v>2050025754</v>
          </cell>
        </row>
        <row r="29">
          <cell r="C29">
            <v>2050026281</v>
          </cell>
        </row>
        <row r="30">
          <cell r="C30">
            <v>2050026281</v>
          </cell>
        </row>
        <row r="31">
          <cell r="C31">
            <v>2050026299</v>
          </cell>
        </row>
        <row r="32">
          <cell r="C32">
            <v>2050026299</v>
          </cell>
        </row>
        <row r="33">
          <cell r="C33">
            <v>2050026299</v>
          </cell>
        </row>
        <row r="34">
          <cell r="C34">
            <v>2050026299</v>
          </cell>
        </row>
        <row r="35">
          <cell r="C35">
            <v>2050027172</v>
          </cell>
        </row>
        <row r="36">
          <cell r="C36">
            <v>2050027669</v>
          </cell>
        </row>
        <row r="37">
          <cell r="C37">
            <v>2050028188</v>
          </cell>
        </row>
        <row r="38">
          <cell r="C38">
            <v>2050028634</v>
          </cell>
        </row>
        <row r="39">
          <cell r="C39">
            <v>2050029178</v>
          </cell>
        </row>
        <row r="40">
          <cell r="C40">
            <v>2050029772</v>
          </cell>
        </row>
        <row r="41">
          <cell r="C41">
            <v>2050029772</v>
          </cell>
        </row>
        <row r="42">
          <cell r="C42">
            <v>2050030119</v>
          </cell>
        </row>
        <row r="43">
          <cell r="C43">
            <v>2050030119</v>
          </cell>
        </row>
        <row r="44">
          <cell r="C44">
            <v>2050031018</v>
          </cell>
        </row>
        <row r="45">
          <cell r="C45">
            <v>2050031075</v>
          </cell>
        </row>
        <row r="46">
          <cell r="C46">
            <v>2050031372</v>
          </cell>
        </row>
        <row r="47">
          <cell r="C47">
            <v>2050031497</v>
          </cell>
        </row>
        <row r="48">
          <cell r="C48">
            <v>2050032107</v>
          </cell>
        </row>
        <row r="49">
          <cell r="C49">
            <v>2050032875</v>
          </cell>
        </row>
        <row r="50">
          <cell r="C50">
            <v>2050034194</v>
          </cell>
        </row>
        <row r="51">
          <cell r="C51">
            <v>2050034616</v>
          </cell>
        </row>
        <row r="52">
          <cell r="C52">
            <v>2050034616</v>
          </cell>
        </row>
        <row r="53">
          <cell r="C53">
            <v>2050034616</v>
          </cell>
        </row>
        <row r="54">
          <cell r="C54">
            <v>2050035357</v>
          </cell>
        </row>
        <row r="55">
          <cell r="C55">
            <v>2050035597</v>
          </cell>
        </row>
        <row r="56">
          <cell r="C56">
            <v>2050035753</v>
          </cell>
        </row>
        <row r="57">
          <cell r="C57">
            <v>2050035985</v>
          </cell>
        </row>
        <row r="58">
          <cell r="C58">
            <v>2050036181</v>
          </cell>
        </row>
        <row r="59">
          <cell r="C59">
            <v>2050036447</v>
          </cell>
        </row>
        <row r="60">
          <cell r="C60">
            <v>2050036645</v>
          </cell>
        </row>
        <row r="61">
          <cell r="C61">
            <v>2050037361</v>
          </cell>
        </row>
        <row r="62">
          <cell r="C62">
            <v>2050037361</v>
          </cell>
        </row>
        <row r="63">
          <cell r="C63">
            <v>2050037361</v>
          </cell>
        </row>
        <row r="64">
          <cell r="C64">
            <v>2050037403</v>
          </cell>
        </row>
        <row r="65">
          <cell r="C65">
            <v>2050037510</v>
          </cell>
        </row>
        <row r="66">
          <cell r="C66">
            <v>2050037510</v>
          </cell>
        </row>
        <row r="67">
          <cell r="C67">
            <v>2050037510</v>
          </cell>
        </row>
        <row r="68">
          <cell r="C68">
            <v>2050037650</v>
          </cell>
        </row>
        <row r="69">
          <cell r="C69">
            <v>2050037718</v>
          </cell>
        </row>
        <row r="70">
          <cell r="C70">
            <v>2050038153</v>
          </cell>
        </row>
        <row r="71">
          <cell r="C71">
            <v>2050038880</v>
          </cell>
        </row>
        <row r="72">
          <cell r="C72">
            <v>2050039219</v>
          </cell>
        </row>
        <row r="73">
          <cell r="C73">
            <v>2050039219</v>
          </cell>
        </row>
        <row r="74">
          <cell r="C74">
            <v>2050039326</v>
          </cell>
        </row>
        <row r="75">
          <cell r="C75">
            <v>2050039599</v>
          </cell>
        </row>
        <row r="76">
          <cell r="C76">
            <v>2050039888</v>
          </cell>
        </row>
        <row r="77">
          <cell r="C77">
            <v>2050040696</v>
          </cell>
        </row>
        <row r="78">
          <cell r="C78">
            <v>2050040860</v>
          </cell>
        </row>
        <row r="79">
          <cell r="C79">
            <v>2050040860</v>
          </cell>
        </row>
        <row r="80">
          <cell r="C80">
            <v>2050041124</v>
          </cell>
        </row>
        <row r="81">
          <cell r="C81">
            <v>2050041439</v>
          </cell>
        </row>
        <row r="82">
          <cell r="C82">
            <v>2050041439</v>
          </cell>
        </row>
        <row r="83">
          <cell r="C83">
            <v>2050041660</v>
          </cell>
        </row>
        <row r="84">
          <cell r="C84">
            <v>2050041777</v>
          </cell>
        </row>
        <row r="85">
          <cell r="C85">
            <v>2050041777</v>
          </cell>
        </row>
        <row r="86">
          <cell r="C86">
            <v>2050041777</v>
          </cell>
        </row>
        <row r="87">
          <cell r="C87">
            <v>2050041777</v>
          </cell>
        </row>
        <row r="88">
          <cell r="C88">
            <v>2050042585</v>
          </cell>
        </row>
        <row r="89">
          <cell r="C89">
            <v>2050042692</v>
          </cell>
        </row>
        <row r="90">
          <cell r="C90">
            <v>2050042692</v>
          </cell>
        </row>
        <row r="91">
          <cell r="C91">
            <v>2050042734</v>
          </cell>
        </row>
        <row r="92">
          <cell r="C92">
            <v>2050042734</v>
          </cell>
        </row>
        <row r="93">
          <cell r="C93">
            <v>2050043377</v>
          </cell>
        </row>
        <row r="94">
          <cell r="C94">
            <v>2050043377</v>
          </cell>
        </row>
        <row r="95">
          <cell r="C95">
            <v>2050043930</v>
          </cell>
        </row>
        <row r="96">
          <cell r="C96">
            <v>2050043930</v>
          </cell>
        </row>
        <row r="97">
          <cell r="C97">
            <v>2050043948</v>
          </cell>
        </row>
        <row r="98">
          <cell r="C98">
            <v>2050043948</v>
          </cell>
        </row>
        <row r="99">
          <cell r="C99">
            <v>2050044060</v>
          </cell>
        </row>
        <row r="100">
          <cell r="C100">
            <v>2050044185</v>
          </cell>
        </row>
        <row r="101">
          <cell r="C101">
            <v>2050044284</v>
          </cell>
        </row>
        <row r="102">
          <cell r="C102">
            <v>2050044284</v>
          </cell>
        </row>
        <row r="103">
          <cell r="C103">
            <v>2050044292</v>
          </cell>
        </row>
        <row r="104">
          <cell r="C104">
            <v>2050044524</v>
          </cell>
        </row>
        <row r="105">
          <cell r="C105">
            <v>2050044755</v>
          </cell>
        </row>
        <row r="106">
          <cell r="C106">
            <v>2050044755</v>
          </cell>
        </row>
        <row r="107">
          <cell r="C107">
            <v>2050044805</v>
          </cell>
        </row>
        <row r="108">
          <cell r="C108">
            <v>2050044805</v>
          </cell>
        </row>
        <row r="109">
          <cell r="C109">
            <v>2050045133</v>
          </cell>
        </row>
        <row r="110">
          <cell r="C110">
            <v>2050045489</v>
          </cell>
        </row>
        <row r="111">
          <cell r="C111">
            <v>2050045489</v>
          </cell>
        </row>
        <row r="112">
          <cell r="C112">
            <v>2050045604</v>
          </cell>
        </row>
        <row r="113">
          <cell r="C113">
            <v>2050045604</v>
          </cell>
        </row>
        <row r="114">
          <cell r="C114">
            <v>2050046008</v>
          </cell>
        </row>
        <row r="115">
          <cell r="C115">
            <v>2050046008</v>
          </cell>
        </row>
        <row r="116">
          <cell r="C116">
            <v>2050046453</v>
          </cell>
        </row>
        <row r="117">
          <cell r="C117">
            <v>2050046537</v>
          </cell>
        </row>
        <row r="118">
          <cell r="C118">
            <v>2050046768</v>
          </cell>
        </row>
        <row r="119">
          <cell r="C119">
            <v>2050046792</v>
          </cell>
        </row>
        <row r="120">
          <cell r="C120">
            <v>2050047162</v>
          </cell>
        </row>
        <row r="121">
          <cell r="C121">
            <v>2050047162</v>
          </cell>
        </row>
        <row r="122">
          <cell r="C122">
            <v>2050047758</v>
          </cell>
        </row>
        <row r="123">
          <cell r="C123">
            <v>2050047907</v>
          </cell>
        </row>
        <row r="124">
          <cell r="C124">
            <v>2050048442</v>
          </cell>
        </row>
        <row r="125">
          <cell r="C125">
            <v>2050048442</v>
          </cell>
        </row>
        <row r="126">
          <cell r="C126">
            <v>2050049036</v>
          </cell>
        </row>
        <row r="127">
          <cell r="C127">
            <v>2050049085</v>
          </cell>
        </row>
        <row r="128">
          <cell r="C128">
            <v>2050049093</v>
          </cell>
        </row>
        <row r="129">
          <cell r="C129">
            <v>2050049093</v>
          </cell>
        </row>
        <row r="130">
          <cell r="C130">
            <v>2050049259</v>
          </cell>
        </row>
        <row r="131">
          <cell r="C131">
            <v>2050050968</v>
          </cell>
        </row>
        <row r="132">
          <cell r="C132">
            <v>2050050968</v>
          </cell>
        </row>
        <row r="133">
          <cell r="C133">
            <v>2050051115</v>
          </cell>
        </row>
        <row r="134">
          <cell r="C134">
            <v>2050051131</v>
          </cell>
        </row>
        <row r="135">
          <cell r="C135">
            <v>2050051131</v>
          </cell>
        </row>
        <row r="136">
          <cell r="C136">
            <v>2050051396</v>
          </cell>
        </row>
        <row r="137">
          <cell r="C137">
            <v>2050051396</v>
          </cell>
        </row>
        <row r="138">
          <cell r="C138">
            <v>2050051974</v>
          </cell>
        </row>
        <row r="139">
          <cell r="C139">
            <v>2050052147</v>
          </cell>
        </row>
        <row r="140">
          <cell r="C140">
            <v>2050052147</v>
          </cell>
        </row>
        <row r="141">
          <cell r="C141">
            <v>2050052311</v>
          </cell>
        </row>
        <row r="142">
          <cell r="C142">
            <v>2050054515</v>
          </cell>
        </row>
        <row r="143">
          <cell r="C143">
            <v>2050054978</v>
          </cell>
        </row>
        <row r="144">
          <cell r="C144">
            <v>2050054978</v>
          </cell>
        </row>
        <row r="145">
          <cell r="C145">
            <v>2050056155</v>
          </cell>
        </row>
        <row r="146">
          <cell r="C146">
            <v>2050056155</v>
          </cell>
        </row>
        <row r="147">
          <cell r="C147">
            <v>2050056767</v>
          </cell>
        </row>
        <row r="148">
          <cell r="C148">
            <v>2050056767</v>
          </cell>
        </row>
        <row r="149">
          <cell r="C149">
            <v>2050056767</v>
          </cell>
        </row>
        <row r="150">
          <cell r="C150">
            <v>2050057658</v>
          </cell>
        </row>
        <row r="151">
          <cell r="C151">
            <v>2050057658</v>
          </cell>
        </row>
        <row r="152">
          <cell r="C152">
            <v>2050057815</v>
          </cell>
        </row>
        <row r="153">
          <cell r="C153">
            <v>2050057815</v>
          </cell>
        </row>
        <row r="154">
          <cell r="C154">
            <v>2050057898</v>
          </cell>
        </row>
        <row r="155">
          <cell r="C155">
            <v>2050058102</v>
          </cell>
        </row>
        <row r="156">
          <cell r="C156">
            <v>2050058169</v>
          </cell>
        </row>
        <row r="157">
          <cell r="C157">
            <v>2050058169</v>
          </cell>
        </row>
        <row r="158">
          <cell r="C158">
            <v>2050058250</v>
          </cell>
        </row>
        <row r="159">
          <cell r="C159">
            <v>2050059035</v>
          </cell>
        </row>
        <row r="160">
          <cell r="C160">
            <v>2050059035</v>
          </cell>
        </row>
        <row r="161">
          <cell r="C161">
            <v>2050060009</v>
          </cell>
        </row>
        <row r="162">
          <cell r="C162">
            <v>2050060009</v>
          </cell>
        </row>
        <row r="163">
          <cell r="C163">
            <v>2050060355</v>
          </cell>
        </row>
        <row r="164">
          <cell r="C164">
            <v>2050060355</v>
          </cell>
        </row>
        <row r="165">
          <cell r="C165">
            <v>2050060355</v>
          </cell>
        </row>
        <row r="166">
          <cell r="C166">
            <v>2050060439</v>
          </cell>
        </row>
        <row r="167">
          <cell r="C167">
            <v>2050060629</v>
          </cell>
        </row>
        <row r="168">
          <cell r="C168">
            <v>2050060645</v>
          </cell>
        </row>
        <row r="169">
          <cell r="C169">
            <v>2050060934</v>
          </cell>
        </row>
        <row r="170">
          <cell r="C170">
            <v>2050060934</v>
          </cell>
        </row>
        <row r="171">
          <cell r="C171">
            <v>2050060934</v>
          </cell>
        </row>
        <row r="172">
          <cell r="C172">
            <v>2050061031</v>
          </cell>
        </row>
        <row r="173">
          <cell r="C173">
            <v>2050061031</v>
          </cell>
        </row>
        <row r="174">
          <cell r="C174">
            <v>2050061353</v>
          </cell>
        </row>
        <row r="175">
          <cell r="C175">
            <v>2050061353</v>
          </cell>
        </row>
        <row r="176">
          <cell r="C176">
            <v>2050061445</v>
          </cell>
        </row>
        <row r="177">
          <cell r="C177">
            <v>2050061445</v>
          </cell>
        </row>
        <row r="178">
          <cell r="C178">
            <v>2050061577</v>
          </cell>
        </row>
        <row r="179">
          <cell r="C179">
            <v>2050061577</v>
          </cell>
        </row>
        <row r="180">
          <cell r="C180">
            <v>2050062120</v>
          </cell>
        </row>
        <row r="181">
          <cell r="C181">
            <v>2050062393</v>
          </cell>
        </row>
        <row r="182">
          <cell r="C182">
            <v>2050062609</v>
          </cell>
        </row>
        <row r="183">
          <cell r="C183">
            <v>2050062856</v>
          </cell>
        </row>
        <row r="184">
          <cell r="C184">
            <v>2050063029</v>
          </cell>
        </row>
        <row r="185">
          <cell r="C185">
            <v>2050063680</v>
          </cell>
        </row>
        <row r="186">
          <cell r="C186">
            <v>2050063680</v>
          </cell>
        </row>
        <row r="187">
          <cell r="C187">
            <v>2050063995</v>
          </cell>
        </row>
        <row r="188">
          <cell r="C188">
            <v>2050064647</v>
          </cell>
        </row>
        <row r="189">
          <cell r="C189">
            <v>2050065636</v>
          </cell>
        </row>
        <row r="190">
          <cell r="C190">
            <v>2050066337</v>
          </cell>
        </row>
        <row r="191">
          <cell r="C191">
            <v>2050066337</v>
          </cell>
        </row>
        <row r="192">
          <cell r="C192">
            <v>2050066451</v>
          </cell>
        </row>
        <row r="193">
          <cell r="C193">
            <v>2050066865</v>
          </cell>
        </row>
        <row r="194">
          <cell r="C194">
            <v>2050066998</v>
          </cell>
        </row>
        <row r="195">
          <cell r="C195">
            <v>2050067467</v>
          </cell>
        </row>
        <row r="196">
          <cell r="C196">
            <v>2050067905</v>
          </cell>
        </row>
        <row r="197">
          <cell r="C197">
            <v>2050067905</v>
          </cell>
        </row>
        <row r="198">
          <cell r="C198">
            <v>2050068614</v>
          </cell>
        </row>
        <row r="199">
          <cell r="C199">
            <v>2050068614</v>
          </cell>
        </row>
        <row r="200">
          <cell r="C200">
            <v>2050068747</v>
          </cell>
        </row>
        <row r="201">
          <cell r="C201">
            <v>2050069083</v>
          </cell>
        </row>
        <row r="202">
          <cell r="C202">
            <v>2050069091</v>
          </cell>
        </row>
        <row r="203">
          <cell r="C203">
            <v>2050069570</v>
          </cell>
        </row>
        <row r="204">
          <cell r="C204">
            <v>2050069596</v>
          </cell>
        </row>
        <row r="205">
          <cell r="C205">
            <v>2050069596</v>
          </cell>
        </row>
        <row r="206">
          <cell r="C206">
            <v>2050070057</v>
          </cell>
        </row>
        <row r="207">
          <cell r="C207">
            <v>2050070297</v>
          </cell>
        </row>
        <row r="208">
          <cell r="C208">
            <v>2050070685</v>
          </cell>
        </row>
        <row r="209">
          <cell r="C209">
            <v>2050073093</v>
          </cell>
        </row>
        <row r="210">
          <cell r="C210">
            <v>2050073622</v>
          </cell>
        </row>
        <row r="211">
          <cell r="C211">
            <v>2050073820</v>
          </cell>
        </row>
        <row r="212">
          <cell r="C212">
            <v>2050073820</v>
          </cell>
        </row>
        <row r="213">
          <cell r="C213">
            <v>2050074505</v>
          </cell>
        </row>
        <row r="214">
          <cell r="C214">
            <v>2050075577</v>
          </cell>
        </row>
        <row r="215">
          <cell r="C215">
            <v>2050075619</v>
          </cell>
        </row>
        <row r="216">
          <cell r="C216">
            <v>2050075619</v>
          </cell>
        </row>
        <row r="217">
          <cell r="C217">
            <v>2050076120</v>
          </cell>
        </row>
        <row r="218">
          <cell r="C218">
            <v>2050076161</v>
          </cell>
        </row>
        <row r="219">
          <cell r="C219">
            <v>2050076385</v>
          </cell>
        </row>
        <row r="220">
          <cell r="C220">
            <v>2050076385</v>
          </cell>
        </row>
        <row r="221">
          <cell r="C221">
            <v>2050076674</v>
          </cell>
        </row>
        <row r="222">
          <cell r="C222">
            <v>2050076674</v>
          </cell>
        </row>
        <row r="223">
          <cell r="C223">
            <v>2050076831</v>
          </cell>
        </row>
        <row r="224">
          <cell r="C224">
            <v>2050076831</v>
          </cell>
        </row>
        <row r="225">
          <cell r="C225">
            <v>2050076831</v>
          </cell>
        </row>
        <row r="226">
          <cell r="C226">
            <v>2050076856</v>
          </cell>
        </row>
        <row r="227">
          <cell r="C227">
            <v>2050076856</v>
          </cell>
        </row>
        <row r="228">
          <cell r="C228">
            <v>2050076856</v>
          </cell>
        </row>
        <row r="229">
          <cell r="C229">
            <v>2050077292</v>
          </cell>
        </row>
        <row r="230">
          <cell r="C230">
            <v>2050077292</v>
          </cell>
        </row>
        <row r="231">
          <cell r="C231">
            <v>2050077888</v>
          </cell>
        </row>
        <row r="232">
          <cell r="C232">
            <v>2050078829</v>
          </cell>
        </row>
        <row r="233">
          <cell r="C233">
            <v>2050078829</v>
          </cell>
        </row>
        <row r="234">
          <cell r="C234">
            <v>2050085907</v>
          </cell>
        </row>
        <row r="235">
          <cell r="C235">
            <v>2050086392</v>
          </cell>
        </row>
        <row r="236">
          <cell r="C236">
            <v>2050087317</v>
          </cell>
        </row>
        <row r="237">
          <cell r="C237">
            <v>2050087861</v>
          </cell>
        </row>
        <row r="238">
          <cell r="C238">
            <v>2050087861</v>
          </cell>
        </row>
        <row r="239">
          <cell r="C239">
            <v>2050088653</v>
          </cell>
        </row>
        <row r="240">
          <cell r="C240">
            <v>2050089412</v>
          </cell>
        </row>
        <row r="241">
          <cell r="C241">
            <v>2050089412</v>
          </cell>
        </row>
        <row r="242">
          <cell r="C242">
            <v>2050089800</v>
          </cell>
        </row>
        <row r="243">
          <cell r="C243">
            <v>2050089800</v>
          </cell>
        </row>
        <row r="244">
          <cell r="C244">
            <v>2050090162</v>
          </cell>
        </row>
        <row r="245">
          <cell r="C245">
            <v>2050090162</v>
          </cell>
        </row>
        <row r="246">
          <cell r="C246">
            <v>2050090410</v>
          </cell>
        </row>
        <row r="247">
          <cell r="C247">
            <v>2050090410</v>
          </cell>
        </row>
        <row r="248">
          <cell r="C248">
            <v>2050090600</v>
          </cell>
        </row>
        <row r="249">
          <cell r="C249">
            <v>2050091210</v>
          </cell>
        </row>
        <row r="250">
          <cell r="C250">
            <v>2050091301</v>
          </cell>
        </row>
        <row r="251">
          <cell r="C251">
            <v>2050091335</v>
          </cell>
        </row>
        <row r="252">
          <cell r="C252">
            <v>2050092374</v>
          </cell>
        </row>
        <row r="253">
          <cell r="C253">
            <v>2050092671</v>
          </cell>
        </row>
        <row r="254">
          <cell r="C254">
            <v>2050093117</v>
          </cell>
        </row>
        <row r="255">
          <cell r="C255">
            <v>2050093307</v>
          </cell>
        </row>
        <row r="256">
          <cell r="C256">
            <v>2050093463</v>
          </cell>
        </row>
        <row r="257">
          <cell r="C257">
            <v>2050094099</v>
          </cell>
        </row>
        <row r="258">
          <cell r="C258">
            <v>2050094099</v>
          </cell>
        </row>
        <row r="259">
          <cell r="C259">
            <v>2050094834</v>
          </cell>
        </row>
        <row r="260">
          <cell r="C260">
            <v>2050096268</v>
          </cell>
        </row>
        <row r="261">
          <cell r="C261">
            <v>2050096268</v>
          </cell>
        </row>
        <row r="262">
          <cell r="C262">
            <v>2050097126</v>
          </cell>
        </row>
        <row r="263">
          <cell r="C263">
            <v>2050097126</v>
          </cell>
        </row>
        <row r="264">
          <cell r="C264">
            <v>2050098512</v>
          </cell>
        </row>
        <row r="265">
          <cell r="C265">
            <v>2050098512</v>
          </cell>
        </row>
        <row r="266">
          <cell r="C266">
            <v>2050098512</v>
          </cell>
        </row>
        <row r="267">
          <cell r="C267">
            <v>2050099163</v>
          </cell>
        </row>
        <row r="268">
          <cell r="C268">
            <v>2050099163</v>
          </cell>
        </row>
        <row r="269">
          <cell r="C269">
            <v>2050100276</v>
          </cell>
        </row>
        <row r="270">
          <cell r="C270">
            <v>2050100276</v>
          </cell>
        </row>
        <row r="271">
          <cell r="C271">
            <v>2050100672</v>
          </cell>
        </row>
        <row r="272">
          <cell r="C272">
            <v>2050100961</v>
          </cell>
        </row>
        <row r="273">
          <cell r="C273">
            <v>2050101373</v>
          </cell>
        </row>
        <row r="274">
          <cell r="C274">
            <v>2050103031</v>
          </cell>
        </row>
        <row r="275">
          <cell r="C275">
            <v>2050104245</v>
          </cell>
        </row>
        <row r="276">
          <cell r="C276">
            <v>2050104245</v>
          </cell>
        </row>
        <row r="277">
          <cell r="C277">
            <v>2050104815</v>
          </cell>
        </row>
        <row r="278">
          <cell r="C278">
            <v>2050104823</v>
          </cell>
        </row>
        <row r="279">
          <cell r="C279">
            <v>2050104823</v>
          </cell>
        </row>
        <row r="280">
          <cell r="C280">
            <v>2050104823</v>
          </cell>
        </row>
        <row r="281">
          <cell r="C281">
            <v>2050106687</v>
          </cell>
        </row>
        <row r="282">
          <cell r="C282">
            <v>2050106851</v>
          </cell>
        </row>
        <row r="283">
          <cell r="C283">
            <v>2050107586</v>
          </cell>
        </row>
        <row r="284">
          <cell r="C284">
            <v>2050108337</v>
          </cell>
        </row>
        <row r="285">
          <cell r="C285">
            <v>2050109905</v>
          </cell>
        </row>
        <row r="286">
          <cell r="C286">
            <v>2050109905</v>
          </cell>
        </row>
        <row r="287">
          <cell r="C287">
            <v>2050110945</v>
          </cell>
        </row>
        <row r="288">
          <cell r="C288">
            <v>2050111018</v>
          </cell>
        </row>
        <row r="289">
          <cell r="C289">
            <v>2050111992</v>
          </cell>
        </row>
        <row r="290">
          <cell r="C290">
            <v>2050111992</v>
          </cell>
        </row>
        <row r="291">
          <cell r="C291">
            <v>2050112149</v>
          </cell>
        </row>
        <row r="292">
          <cell r="C292">
            <v>2050112743</v>
          </cell>
        </row>
        <row r="293">
          <cell r="C293">
            <v>2050114210</v>
          </cell>
        </row>
        <row r="294">
          <cell r="C294">
            <v>2050114517</v>
          </cell>
        </row>
        <row r="295">
          <cell r="C295">
            <v>2050114558</v>
          </cell>
        </row>
        <row r="296">
          <cell r="C296">
            <v>2050115506</v>
          </cell>
        </row>
        <row r="297">
          <cell r="C297">
            <v>2050115761</v>
          </cell>
        </row>
        <row r="298">
          <cell r="C298">
            <v>2050119631</v>
          </cell>
        </row>
        <row r="299">
          <cell r="C299">
            <v>2050119631</v>
          </cell>
        </row>
        <row r="300">
          <cell r="C300">
            <v>2050121025</v>
          </cell>
        </row>
        <row r="301">
          <cell r="C301">
            <v>2050121025</v>
          </cell>
        </row>
        <row r="302">
          <cell r="C302">
            <v>2050130174</v>
          </cell>
        </row>
        <row r="303">
          <cell r="C303">
            <v>2050130711</v>
          </cell>
        </row>
        <row r="304">
          <cell r="C304">
            <v>2050130943</v>
          </cell>
        </row>
        <row r="305">
          <cell r="C305">
            <v>2050130943</v>
          </cell>
        </row>
        <row r="306">
          <cell r="C306">
            <v>2050130943</v>
          </cell>
        </row>
        <row r="307">
          <cell r="C307">
            <v>2050131214</v>
          </cell>
        </row>
        <row r="308">
          <cell r="C308">
            <v>2050131214</v>
          </cell>
        </row>
        <row r="309">
          <cell r="C309">
            <v>2050135090</v>
          </cell>
        </row>
        <row r="310">
          <cell r="C310">
            <v>2050139373</v>
          </cell>
        </row>
        <row r="311">
          <cell r="C311">
            <v>2050146121</v>
          </cell>
        </row>
        <row r="312">
          <cell r="C312">
            <v>2050146188</v>
          </cell>
        </row>
        <row r="313">
          <cell r="C313">
            <v>2050146196</v>
          </cell>
        </row>
        <row r="314">
          <cell r="C314">
            <v>3020000016</v>
          </cell>
        </row>
        <row r="315">
          <cell r="C315">
            <v>3020000047</v>
          </cell>
        </row>
        <row r="316">
          <cell r="C316">
            <v>3020000047</v>
          </cell>
        </row>
        <row r="317">
          <cell r="C317">
            <v>3020000244</v>
          </cell>
        </row>
        <row r="318">
          <cell r="C318">
            <v>3020000270</v>
          </cell>
        </row>
        <row r="319">
          <cell r="C319">
            <v>3020000315</v>
          </cell>
        </row>
        <row r="320">
          <cell r="C320">
            <v>3020000351</v>
          </cell>
        </row>
        <row r="321">
          <cell r="C321">
            <v>3020000351</v>
          </cell>
        </row>
        <row r="322">
          <cell r="C322">
            <v>3020000351</v>
          </cell>
        </row>
        <row r="323">
          <cell r="C323">
            <v>3020000351</v>
          </cell>
        </row>
        <row r="324">
          <cell r="C324">
            <v>3020000403</v>
          </cell>
        </row>
        <row r="325">
          <cell r="C325">
            <v>3020000443</v>
          </cell>
        </row>
        <row r="326">
          <cell r="C326">
            <v>3020000444</v>
          </cell>
        </row>
        <row r="327">
          <cell r="C327">
            <v>3020000449</v>
          </cell>
        </row>
        <row r="328">
          <cell r="C328">
            <v>3020000449</v>
          </cell>
        </row>
        <row r="329">
          <cell r="C329">
            <v>3020000510</v>
          </cell>
        </row>
        <row r="330">
          <cell r="C330">
            <v>3020000584</v>
          </cell>
        </row>
        <row r="331">
          <cell r="C331">
            <v>3020000669</v>
          </cell>
        </row>
        <row r="332">
          <cell r="C332">
            <v>3020000700</v>
          </cell>
        </row>
        <row r="333">
          <cell r="C333">
            <v>3020000700</v>
          </cell>
        </row>
        <row r="334">
          <cell r="C334">
            <v>3020000700</v>
          </cell>
        </row>
        <row r="335">
          <cell r="C335">
            <v>3020000747</v>
          </cell>
        </row>
        <row r="336">
          <cell r="C336">
            <v>3020000818</v>
          </cell>
        </row>
        <row r="337">
          <cell r="C337">
            <v>3020000875</v>
          </cell>
        </row>
        <row r="338">
          <cell r="C338">
            <v>3020000935</v>
          </cell>
        </row>
        <row r="339">
          <cell r="C339">
            <v>3020000973</v>
          </cell>
        </row>
        <row r="340">
          <cell r="C340">
            <v>3020000993</v>
          </cell>
        </row>
        <row r="341">
          <cell r="C341">
            <v>3020001025</v>
          </cell>
        </row>
        <row r="342">
          <cell r="C342">
            <v>3020001072</v>
          </cell>
        </row>
        <row r="343">
          <cell r="C343">
            <v>3020001073</v>
          </cell>
        </row>
        <row r="344">
          <cell r="C344">
            <v>3020001074</v>
          </cell>
        </row>
        <row r="345">
          <cell r="C345">
            <v>3020001074</v>
          </cell>
        </row>
        <row r="346">
          <cell r="C346">
            <v>3020001080</v>
          </cell>
        </row>
        <row r="347">
          <cell r="C347">
            <v>3020001080</v>
          </cell>
        </row>
        <row r="348">
          <cell r="C348">
            <v>3020001080</v>
          </cell>
        </row>
        <row r="349">
          <cell r="C349">
            <v>3020001080</v>
          </cell>
        </row>
        <row r="350">
          <cell r="C350">
            <v>3020001154</v>
          </cell>
        </row>
        <row r="351">
          <cell r="C351">
            <v>3020001266</v>
          </cell>
        </row>
        <row r="352">
          <cell r="C352">
            <v>3020001266</v>
          </cell>
        </row>
        <row r="353">
          <cell r="C353">
            <v>3020001373</v>
          </cell>
        </row>
        <row r="354">
          <cell r="C354">
            <v>3020001373</v>
          </cell>
        </row>
        <row r="355">
          <cell r="C355">
            <v>3020001397</v>
          </cell>
        </row>
        <row r="356">
          <cell r="C356">
            <v>3020001397</v>
          </cell>
        </row>
        <row r="357">
          <cell r="C357">
            <v>3020001397</v>
          </cell>
        </row>
        <row r="358">
          <cell r="C358">
            <v>3020001446</v>
          </cell>
        </row>
        <row r="359">
          <cell r="C359">
            <v>3020001456</v>
          </cell>
        </row>
        <row r="360">
          <cell r="C360">
            <v>3020001458</v>
          </cell>
        </row>
        <row r="361">
          <cell r="C361">
            <v>3020001471</v>
          </cell>
        </row>
        <row r="362">
          <cell r="C362">
            <v>3020001494</v>
          </cell>
        </row>
        <row r="363">
          <cell r="C363">
            <v>3020001552</v>
          </cell>
        </row>
        <row r="364">
          <cell r="C364">
            <v>3020001552</v>
          </cell>
        </row>
        <row r="365">
          <cell r="C365">
            <v>3020001553</v>
          </cell>
        </row>
        <row r="366">
          <cell r="C366">
            <v>3020001554</v>
          </cell>
        </row>
        <row r="367">
          <cell r="C367">
            <v>3020001764</v>
          </cell>
        </row>
        <row r="368">
          <cell r="C368">
            <v>3020001798</v>
          </cell>
        </row>
        <row r="369">
          <cell r="C369">
            <v>3020001836</v>
          </cell>
        </row>
        <row r="370">
          <cell r="C370">
            <v>3020001840</v>
          </cell>
        </row>
        <row r="371">
          <cell r="C371">
            <v>3020001874</v>
          </cell>
        </row>
        <row r="372">
          <cell r="C372">
            <v>3020001874</v>
          </cell>
        </row>
        <row r="373">
          <cell r="C373">
            <v>3020001886</v>
          </cell>
        </row>
        <row r="374">
          <cell r="C374">
            <v>3020001886</v>
          </cell>
        </row>
        <row r="375">
          <cell r="C375">
            <v>3020001913</v>
          </cell>
        </row>
        <row r="376">
          <cell r="C376">
            <v>3020001913</v>
          </cell>
        </row>
        <row r="377">
          <cell r="C377">
            <v>3020001984</v>
          </cell>
        </row>
        <row r="378">
          <cell r="C378">
            <v>3020002018</v>
          </cell>
        </row>
        <row r="379">
          <cell r="C379">
            <v>3020002026</v>
          </cell>
        </row>
        <row r="380">
          <cell r="C380">
            <v>3020002279</v>
          </cell>
        </row>
        <row r="381">
          <cell r="C381">
            <v>3020003889</v>
          </cell>
        </row>
      </sheetData>
      <sheetData sheetId="12">
        <row r="2">
          <cell r="C2">
            <v>74</v>
          </cell>
        </row>
        <row r="3">
          <cell r="C3">
            <v>198</v>
          </cell>
        </row>
        <row r="4">
          <cell r="C4">
            <v>198</v>
          </cell>
        </row>
        <row r="5">
          <cell r="C5">
            <v>316</v>
          </cell>
        </row>
        <row r="6">
          <cell r="C6">
            <v>429</v>
          </cell>
        </row>
        <row r="7">
          <cell r="C7">
            <v>492</v>
          </cell>
        </row>
        <row r="8">
          <cell r="C8">
            <v>2050007851</v>
          </cell>
        </row>
        <row r="9">
          <cell r="C9">
            <v>2050007851</v>
          </cell>
        </row>
        <row r="10">
          <cell r="C10">
            <v>2050011259</v>
          </cell>
        </row>
        <row r="11">
          <cell r="C11">
            <v>2050011259</v>
          </cell>
        </row>
        <row r="12">
          <cell r="C12">
            <v>2050011440</v>
          </cell>
        </row>
        <row r="13">
          <cell r="C13">
            <v>2050013636</v>
          </cell>
        </row>
        <row r="14">
          <cell r="C14">
            <v>2050015466</v>
          </cell>
        </row>
        <row r="15">
          <cell r="C15">
            <v>2050015466</v>
          </cell>
        </row>
        <row r="16">
          <cell r="C16">
            <v>2050015466</v>
          </cell>
        </row>
        <row r="17">
          <cell r="C17">
            <v>2050017173</v>
          </cell>
        </row>
        <row r="18">
          <cell r="C18">
            <v>2050020284</v>
          </cell>
        </row>
        <row r="19">
          <cell r="C19">
            <v>2050020284</v>
          </cell>
        </row>
        <row r="20">
          <cell r="C20">
            <v>2050021571</v>
          </cell>
        </row>
        <row r="21">
          <cell r="C21">
            <v>2050021571</v>
          </cell>
        </row>
        <row r="22">
          <cell r="C22">
            <v>2050022710</v>
          </cell>
        </row>
        <row r="23">
          <cell r="C23">
            <v>2050023197</v>
          </cell>
        </row>
        <row r="24">
          <cell r="C24">
            <v>2050023197</v>
          </cell>
        </row>
        <row r="25">
          <cell r="C25">
            <v>2050025382</v>
          </cell>
        </row>
        <row r="26">
          <cell r="C26">
            <v>2050025382</v>
          </cell>
        </row>
        <row r="27">
          <cell r="C27">
            <v>2050025531</v>
          </cell>
        </row>
        <row r="28">
          <cell r="C28">
            <v>2050025754</v>
          </cell>
        </row>
        <row r="29">
          <cell r="C29">
            <v>2050026281</v>
          </cell>
        </row>
        <row r="30">
          <cell r="C30">
            <v>2050026281</v>
          </cell>
        </row>
        <row r="31">
          <cell r="C31">
            <v>2050026299</v>
          </cell>
        </row>
        <row r="32">
          <cell r="C32">
            <v>2050026299</v>
          </cell>
        </row>
        <row r="33">
          <cell r="C33">
            <v>2050026299</v>
          </cell>
        </row>
        <row r="34">
          <cell r="C34">
            <v>2050027438</v>
          </cell>
        </row>
        <row r="35">
          <cell r="C35">
            <v>2050027669</v>
          </cell>
        </row>
        <row r="36">
          <cell r="C36">
            <v>2050028188</v>
          </cell>
        </row>
        <row r="37">
          <cell r="C37">
            <v>2050028634</v>
          </cell>
        </row>
        <row r="38">
          <cell r="C38">
            <v>2050029178</v>
          </cell>
        </row>
        <row r="39">
          <cell r="C39">
            <v>2050029772</v>
          </cell>
        </row>
        <row r="40">
          <cell r="C40">
            <v>2050029772</v>
          </cell>
        </row>
        <row r="41">
          <cell r="C41">
            <v>2050030119</v>
          </cell>
        </row>
        <row r="42">
          <cell r="C42">
            <v>2050030119</v>
          </cell>
        </row>
        <row r="43">
          <cell r="C43">
            <v>2050031018</v>
          </cell>
        </row>
        <row r="44">
          <cell r="C44">
            <v>2050031075</v>
          </cell>
        </row>
        <row r="45">
          <cell r="C45">
            <v>2050031372</v>
          </cell>
        </row>
        <row r="46">
          <cell r="C46">
            <v>2050031497</v>
          </cell>
        </row>
        <row r="47">
          <cell r="C47">
            <v>2050031497</v>
          </cell>
        </row>
        <row r="48">
          <cell r="C48">
            <v>2050032107</v>
          </cell>
        </row>
        <row r="49">
          <cell r="C49">
            <v>2050032875</v>
          </cell>
        </row>
        <row r="50">
          <cell r="C50">
            <v>2050034194</v>
          </cell>
        </row>
        <row r="51">
          <cell r="C51">
            <v>2050034616</v>
          </cell>
        </row>
        <row r="52">
          <cell r="C52">
            <v>2050034616</v>
          </cell>
        </row>
        <row r="53">
          <cell r="C53">
            <v>2050034616</v>
          </cell>
        </row>
        <row r="54">
          <cell r="C54">
            <v>2050035357</v>
          </cell>
        </row>
        <row r="55">
          <cell r="C55">
            <v>2050035597</v>
          </cell>
        </row>
        <row r="56">
          <cell r="C56">
            <v>2050035753</v>
          </cell>
        </row>
        <row r="57">
          <cell r="C57">
            <v>2050035985</v>
          </cell>
        </row>
        <row r="58">
          <cell r="C58">
            <v>2050036181</v>
          </cell>
        </row>
        <row r="59">
          <cell r="C59">
            <v>2050036447</v>
          </cell>
        </row>
        <row r="60">
          <cell r="C60">
            <v>2050036561</v>
          </cell>
        </row>
        <row r="61">
          <cell r="C61">
            <v>2050036561</v>
          </cell>
        </row>
        <row r="62">
          <cell r="C62">
            <v>2050036645</v>
          </cell>
        </row>
        <row r="63">
          <cell r="C63">
            <v>2050037239</v>
          </cell>
        </row>
        <row r="64">
          <cell r="C64">
            <v>2050037361</v>
          </cell>
        </row>
        <row r="65">
          <cell r="C65">
            <v>2050037361</v>
          </cell>
        </row>
        <row r="66">
          <cell r="C66">
            <v>2050037361</v>
          </cell>
        </row>
        <row r="67">
          <cell r="C67">
            <v>2050037403</v>
          </cell>
        </row>
        <row r="68">
          <cell r="C68">
            <v>2050037650</v>
          </cell>
        </row>
        <row r="69">
          <cell r="C69">
            <v>2050037718</v>
          </cell>
        </row>
        <row r="70">
          <cell r="C70">
            <v>2050038153</v>
          </cell>
        </row>
        <row r="71">
          <cell r="C71">
            <v>2050038880</v>
          </cell>
        </row>
        <row r="72">
          <cell r="C72">
            <v>2050039037</v>
          </cell>
        </row>
        <row r="73">
          <cell r="C73">
            <v>2050039037</v>
          </cell>
        </row>
        <row r="74">
          <cell r="C74">
            <v>2050039037</v>
          </cell>
        </row>
        <row r="75">
          <cell r="C75">
            <v>2050039219</v>
          </cell>
        </row>
        <row r="76">
          <cell r="C76">
            <v>2050039219</v>
          </cell>
        </row>
        <row r="77">
          <cell r="C77">
            <v>2050039326</v>
          </cell>
        </row>
        <row r="78">
          <cell r="C78">
            <v>2050039599</v>
          </cell>
        </row>
        <row r="79">
          <cell r="C79">
            <v>2050039888</v>
          </cell>
        </row>
        <row r="80">
          <cell r="C80">
            <v>2050040696</v>
          </cell>
        </row>
        <row r="81">
          <cell r="C81">
            <v>2050040860</v>
          </cell>
        </row>
        <row r="82">
          <cell r="C82">
            <v>2050040860</v>
          </cell>
        </row>
        <row r="83">
          <cell r="C83">
            <v>2050041124</v>
          </cell>
        </row>
        <row r="84">
          <cell r="C84">
            <v>2050041439</v>
          </cell>
        </row>
        <row r="85">
          <cell r="C85">
            <v>2050041439</v>
          </cell>
        </row>
        <row r="86">
          <cell r="C86">
            <v>2050041660</v>
          </cell>
        </row>
        <row r="87">
          <cell r="C87">
            <v>2050041777</v>
          </cell>
        </row>
        <row r="88">
          <cell r="C88">
            <v>2050041777</v>
          </cell>
        </row>
        <row r="89">
          <cell r="C89">
            <v>2050041777</v>
          </cell>
        </row>
        <row r="90">
          <cell r="C90">
            <v>2050041777</v>
          </cell>
        </row>
        <row r="91">
          <cell r="C91">
            <v>2050042585</v>
          </cell>
        </row>
        <row r="92">
          <cell r="C92">
            <v>2050042692</v>
          </cell>
        </row>
        <row r="93">
          <cell r="C93">
            <v>2050042692</v>
          </cell>
        </row>
        <row r="94">
          <cell r="C94">
            <v>2050043377</v>
          </cell>
        </row>
        <row r="95">
          <cell r="C95">
            <v>2050043377</v>
          </cell>
        </row>
        <row r="96">
          <cell r="C96">
            <v>2050043377</v>
          </cell>
        </row>
        <row r="97">
          <cell r="C97">
            <v>2050043930</v>
          </cell>
        </row>
        <row r="98">
          <cell r="C98">
            <v>2050043930</v>
          </cell>
        </row>
        <row r="99">
          <cell r="C99">
            <v>2050043948</v>
          </cell>
        </row>
        <row r="100">
          <cell r="C100">
            <v>2050043948</v>
          </cell>
        </row>
        <row r="101">
          <cell r="C101">
            <v>2050044185</v>
          </cell>
        </row>
        <row r="102">
          <cell r="C102">
            <v>2050044284</v>
          </cell>
        </row>
        <row r="103">
          <cell r="C103">
            <v>2050044284</v>
          </cell>
        </row>
        <row r="104">
          <cell r="C104">
            <v>2050044524</v>
          </cell>
        </row>
        <row r="105">
          <cell r="C105">
            <v>2050044755</v>
          </cell>
        </row>
        <row r="106">
          <cell r="C106">
            <v>2050044805</v>
          </cell>
        </row>
        <row r="107">
          <cell r="C107">
            <v>2050045133</v>
          </cell>
        </row>
        <row r="108">
          <cell r="C108">
            <v>2050045489</v>
          </cell>
        </row>
        <row r="109">
          <cell r="C109">
            <v>2050045489</v>
          </cell>
        </row>
        <row r="110">
          <cell r="C110">
            <v>2050045604</v>
          </cell>
        </row>
        <row r="111">
          <cell r="C111">
            <v>2050045604</v>
          </cell>
        </row>
        <row r="112">
          <cell r="C112">
            <v>2050046008</v>
          </cell>
        </row>
        <row r="113">
          <cell r="C113">
            <v>2050046289</v>
          </cell>
        </row>
        <row r="114">
          <cell r="C114">
            <v>2050046453</v>
          </cell>
        </row>
        <row r="115">
          <cell r="C115">
            <v>2050046537</v>
          </cell>
        </row>
        <row r="116">
          <cell r="C116">
            <v>2050046768</v>
          </cell>
        </row>
        <row r="117">
          <cell r="C117">
            <v>2050047162</v>
          </cell>
        </row>
        <row r="118">
          <cell r="C118">
            <v>2050047162</v>
          </cell>
        </row>
        <row r="119">
          <cell r="C119">
            <v>2050047758</v>
          </cell>
        </row>
        <row r="120">
          <cell r="C120">
            <v>2050047907</v>
          </cell>
        </row>
        <row r="121">
          <cell r="C121">
            <v>2050048442</v>
          </cell>
        </row>
        <row r="122">
          <cell r="C122">
            <v>2050048442</v>
          </cell>
        </row>
        <row r="123">
          <cell r="C123">
            <v>2050049036</v>
          </cell>
        </row>
        <row r="124">
          <cell r="C124">
            <v>2050049085</v>
          </cell>
        </row>
        <row r="125">
          <cell r="C125">
            <v>2050049093</v>
          </cell>
        </row>
        <row r="126">
          <cell r="C126">
            <v>2050049093</v>
          </cell>
        </row>
        <row r="127">
          <cell r="C127">
            <v>2050049259</v>
          </cell>
        </row>
        <row r="128">
          <cell r="C128">
            <v>2050050968</v>
          </cell>
        </row>
        <row r="129">
          <cell r="C129">
            <v>2050050968</v>
          </cell>
        </row>
        <row r="130">
          <cell r="C130">
            <v>2050051115</v>
          </cell>
        </row>
        <row r="131">
          <cell r="C131">
            <v>2050051396</v>
          </cell>
        </row>
        <row r="132">
          <cell r="C132">
            <v>2050051974</v>
          </cell>
        </row>
        <row r="133">
          <cell r="C133">
            <v>2050052147</v>
          </cell>
        </row>
        <row r="134">
          <cell r="C134">
            <v>2050052147</v>
          </cell>
        </row>
        <row r="135">
          <cell r="C135">
            <v>2050052311</v>
          </cell>
        </row>
        <row r="136">
          <cell r="C136">
            <v>2050054515</v>
          </cell>
        </row>
        <row r="137">
          <cell r="C137">
            <v>2050054978</v>
          </cell>
        </row>
        <row r="138">
          <cell r="C138">
            <v>2050054978</v>
          </cell>
        </row>
        <row r="139">
          <cell r="C139">
            <v>2050056155</v>
          </cell>
        </row>
        <row r="140">
          <cell r="C140">
            <v>2050056155</v>
          </cell>
        </row>
        <row r="141">
          <cell r="C141">
            <v>2050056395</v>
          </cell>
        </row>
        <row r="142">
          <cell r="C142">
            <v>2050056767</v>
          </cell>
        </row>
        <row r="143">
          <cell r="C143">
            <v>2050056767</v>
          </cell>
        </row>
        <row r="144">
          <cell r="C144">
            <v>2050056767</v>
          </cell>
        </row>
        <row r="145">
          <cell r="C145">
            <v>2050056916</v>
          </cell>
        </row>
        <row r="146">
          <cell r="C146">
            <v>2050057658</v>
          </cell>
        </row>
        <row r="147">
          <cell r="C147">
            <v>2050057658</v>
          </cell>
        </row>
        <row r="148">
          <cell r="C148">
            <v>2050057815</v>
          </cell>
        </row>
        <row r="149">
          <cell r="C149">
            <v>2050057815</v>
          </cell>
        </row>
        <row r="150">
          <cell r="C150">
            <v>2050057898</v>
          </cell>
        </row>
        <row r="151">
          <cell r="C151">
            <v>2050058102</v>
          </cell>
        </row>
        <row r="152">
          <cell r="C152">
            <v>2050058169</v>
          </cell>
        </row>
        <row r="153">
          <cell r="C153">
            <v>2050058169</v>
          </cell>
        </row>
        <row r="154">
          <cell r="C154">
            <v>2050058250</v>
          </cell>
        </row>
        <row r="155">
          <cell r="C155">
            <v>2050058318</v>
          </cell>
        </row>
        <row r="156">
          <cell r="C156">
            <v>2050060009</v>
          </cell>
        </row>
        <row r="157">
          <cell r="C157">
            <v>2050060009</v>
          </cell>
        </row>
        <row r="158">
          <cell r="C158">
            <v>2050060355</v>
          </cell>
        </row>
        <row r="159">
          <cell r="C159">
            <v>2050060355</v>
          </cell>
        </row>
        <row r="160">
          <cell r="C160">
            <v>2050060355</v>
          </cell>
        </row>
        <row r="161">
          <cell r="C161">
            <v>2050060439</v>
          </cell>
        </row>
        <row r="162">
          <cell r="C162">
            <v>2050060629</v>
          </cell>
        </row>
        <row r="163">
          <cell r="C163">
            <v>2050060645</v>
          </cell>
        </row>
        <row r="164">
          <cell r="C164">
            <v>2050060934</v>
          </cell>
        </row>
        <row r="165">
          <cell r="C165">
            <v>2050060934</v>
          </cell>
        </row>
        <row r="166">
          <cell r="C166">
            <v>2050060934</v>
          </cell>
        </row>
        <row r="167">
          <cell r="C167">
            <v>2050061031</v>
          </cell>
        </row>
        <row r="168">
          <cell r="C168">
            <v>2050061031</v>
          </cell>
        </row>
        <row r="169">
          <cell r="C169">
            <v>2050061353</v>
          </cell>
        </row>
        <row r="170">
          <cell r="C170">
            <v>2050061353</v>
          </cell>
        </row>
        <row r="171">
          <cell r="C171">
            <v>2050061577</v>
          </cell>
        </row>
        <row r="172">
          <cell r="C172">
            <v>2050061577</v>
          </cell>
        </row>
        <row r="173">
          <cell r="C173">
            <v>2050062120</v>
          </cell>
        </row>
        <row r="174">
          <cell r="C174">
            <v>2050062393</v>
          </cell>
        </row>
        <row r="175">
          <cell r="C175">
            <v>2050062609</v>
          </cell>
        </row>
        <row r="176">
          <cell r="C176">
            <v>2050062856</v>
          </cell>
        </row>
        <row r="177">
          <cell r="C177">
            <v>2050063029</v>
          </cell>
        </row>
        <row r="178">
          <cell r="C178">
            <v>2050063680</v>
          </cell>
        </row>
        <row r="179">
          <cell r="C179">
            <v>2050063680</v>
          </cell>
        </row>
        <row r="180">
          <cell r="C180">
            <v>2050063995</v>
          </cell>
        </row>
        <row r="181">
          <cell r="C181">
            <v>2050064647</v>
          </cell>
        </row>
        <row r="182">
          <cell r="C182">
            <v>2050065636</v>
          </cell>
        </row>
        <row r="183">
          <cell r="C183">
            <v>2050066337</v>
          </cell>
        </row>
        <row r="184">
          <cell r="C184">
            <v>2050066337</v>
          </cell>
        </row>
        <row r="185">
          <cell r="C185">
            <v>2050066451</v>
          </cell>
        </row>
        <row r="186">
          <cell r="C186">
            <v>2050066865</v>
          </cell>
        </row>
        <row r="187">
          <cell r="C187">
            <v>2050066998</v>
          </cell>
        </row>
        <row r="188">
          <cell r="C188">
            <v>2050067467</v>
          </cell>
        </row>
        <row r="189">
          <cell r="C189">
            <v>2050067905</v>
          </cell>
        </row>
        <row r="190">
          <cell r="C190">
            <v>2050067905</v>
          </cell>
        </row>
        <row r="191">
          <cell r="C191">
            <v>2050068614</v>
          </cell>
        </row>
        <row r="192">
          <cell r="C192">
            <v>2050068614</v>
          </cell>
        </row>
        <row r="193">
          <cell r="C193">
            <v>2050068747</v>
          </cell>
        </row>
        <row r="194">
          <cell r="C194">
            <v>2050069083</v>
          </cell>
        </row>
        <row r="195">
          <cell r="C195">
            <v>2050069091</v>
          </cell>
        </row>
        <row r="196">
          <cell r="C196">
            <v>2050069570</v>
          </cell>
        </row>
        <row r="197">
          <cell r="C197">
            <v>2050069596</v>
          </cell>
        </row>
        <row r="198">
          <cell r="C198">
            <v>2050069596</v>
          </cell>
        </row>
        <row r="199">
          <cell r="C199">
            <v>2050070057</v>
          </cell>
        </row>
        <row r="200">
          <cell r="C200">
            <v>2050070297</v>
          </cell>
        </row>
        <row r="201">
          <cell r="C201">
            <v>2050070685</v>
          </cell>
        </row>
        <row r="202">
          <cell r="C202">
            <v>2050073093</v>
          </cell>
        </row>
        <row r="203">
          <cell r="C203">
            <v>2050073622</v>
          </cell>
        </row>
        <row r="204">
          <cell r="C204">
            <v>2050073820</v>
          </cell>
        </row>
        <row r="205">
          <cell r="C205">
            <v>2050073820</v>
          </cell>
        </row>
        <row r="206">
          <cell r="C206">
            <v>2050074505</v>
          </cell>
        </row>
        <row r="207">
          <cell r="C207">
            <v>2050075577</v>
          </cell>
        </row>
        <row r="208">
          <cell r="C208">
            <v>2050075619</v>
          </cell>
        </row>
        <row r="209">
          <cell r="C209">
            <v>2050075619</v>
          </cell>
        </row>
        <row r="210">
          <cell r="C210">
            <v>2050076161</v>
          </cell>
        </row>
        <row r="211">
          <cell r="C211">
            <v>2050076385</v>
          </cell>
        </row>
        <row r="212">
          <cell r="C212">
            <v>2050076385</v>
          </cell>
        </row>
        <row r="213">
          <cell r="C213">
            <v>2050076674</v>
          </cell>
        </row>
        <row r="214">
          <cell r="C214">
            <v>2050076674</v>
          </cell>
        </row>
        <row r="215">
          <cell r="C215">
            <v>2050076831</v>
          </cell>
        </row>
        <row r="216">
          <cell r="C216">
            <v>2050076831</v>
          </cell>
        </row>
        <row r="217">
          <cell r="C217">
            <v>2050076831</v>
          </cell>
        </row>
        <row r="218">
          <cell r="C218">
            <v>2050076856</v>
          </cell>
        </row>
        <row r="219">
          <cell r="C219">
            <v>2050076856</v>
          </cell>
        </row>
        <row r="220">
          <cell r="C220">
            <v>2050077292</v>
          </cell>
        </row>
        <row r="221">
          <cell r="C221">
            <v>2050077292</v>
          </cell>
        </row>
        <row r="222">
          <cell r="C222">
            <v>2050077888</v>
          </cell>
        </row>
        <row r="223">
          <cell r="C223">
            <v>2050078514</v>
          </cell>
        </row>
        <row r="224">
          <cell r="C224">
            <v>2050078829</v>
          </cell>
        </row>
        <row r="225">
          <cell r="C225">
            <v>2050078829</v>
          </cell>
        </row>
        <row r="226">
          <cell r="C226">
            <v>2050085907</v>
          </cell>
        </row>
        <row r="227">
          <cell r="C227">
            <v>2050086392</v>
          </cell>
        </row>
        <row r="228">
          <cell r="C228">
            <v>2050087861</v>
          </cell>
        </row>
        <row r="229">
          <cell r="C229">
            <v>2050087861</v>
          </cell>
        </row>
        <row r="230">
          <cell r="C230">
            <v>2050088653</v>
          </cell>
        </row>
        <row r="231">
          <cell r="C231">
            <v>2050089412</v>
          </cell>
        </row>
        <row r="232">
          <cell r="C232">
            <v>2050089412</v>
          </cell>
        </row>
        <row r="233">
          <cell r="C233">
            <v>2050089800</v>
          </cell>
        </row>
        <row r="234">
          <cell r="C234">
            <v>2050089800</v>
          </cell>
        </row>
        <row r="235">
          <cell r="C235">
            <v>2050090162</v>
          </cell>
        </row>
        <row r="236">
          <cell r="C236">
            <v>2050090162</v>
          </cell>
        </row>
        <row r="237">
          <cell r="C237">
            <v>2050090410</v>
          </cell>
        </row>
        <row r="238">
          <cell r="C238">
            <v>2050090410</v>
          </cell>
        </row>
        <row r="239">
          <cell r="C239">
            <v>2050090600</v>
          </cell>
        </row>
        <row r="240">
          <cell r="C240">
            <v>2050091210</v>
          </cell>
        </row>
        <row r="241">
          <cell r="C241">
            <v>2050091301</v>
          </cell>
        </row>
        <row r="242">
          <cell r="C242">
            <v>2050091335</v>
          </cell>
        </row>
        <row r="243">
          <cell r="C243">
            <v>2050092374</v>
          </cell>
        </row>
        <row r="244">
          <cell r="C244">
            <v>2050093117</v>
          </cell>
        </row>
        <row r="245">
          <cell r="C245">
            <v>2050093307</v>
          </cell>
        </row>
        <row r="246">
          <cell r="C246">
            <v>2050093463</v>
          </cell>
        </row>
        <row r="247">
          <cell r="C247">
            <v>2050094099</v>
          </cell>
        </row>
        <row r="248">
          <cell r="C248">
            <v>2050094099</v>
          </cell>
        </row>
        <row r="249">
          <cell r="C249">
            <v>2050094834</v>
          </cell>
        </row>
        <row r="250">
          <cell r="C250">
            <v>2050096268</v>
          </cell>
        </row>
        <row r="251">
          <cell r="C251">
            <v>2050096268</v>
          </cell>
        </row>
        <row r="252">
          <cell r="C252">
            <v>2050096839</v>
          </cell>
        </row>
        <row r="253">
          <cell r="C253">
            <v>2050097126</v>
          </cell>
        </row>
        <row r="254">
          <cell r="C254">
            <v>2050097126</v>
          </cell>
        </row>
        <row r="255">
          <cell r="C255">
            <v>2050098512</v>
          </cell>
        </row>
        <row r="256">
          <cell r="C256">
            <v>2050098512</v>
          </cell>
        </row>
        <row r="257">
          <cell r="C257">
            <v>2050099163</v>
          </cell>
        </row>
        <row r="258">
          <cell r="C258">
            <v>2050099163</v>
          </cell>
        </row>
        <row r="259">
          <cell r="C259">
            <v>2050100276</v>
          </cell>
        </row>
        <row r="260">
          <cell r="C260">
            <v>2050100276</v>
          </cell>
        </row>
        <row r="261">
          <cell r="C261">
            <v>2050100672</v>
          </cell>
        </row>
        <row r="262">
          <cell r="C262">
            <v>2050100961</v>
          </cell>
        </row>
        <row r="263">
          <cell r="C263">
            <v>2050101373</v>
          </cell>
        </row>
        <row r="264">
          <cell r="C264">
            <v>2050103031</v>
          </cell>
        </row>
        <row r="265">
          <cell r="C265">
            <v>2050104245</v>
          </cell>
        </row>
        <row r="266">
          <cell r="C266">
            <v>2050104245</v>
          </cell>
        </row>
        <row r="267">
          <cell r="C267">
            <v>2050104815</v>
          </cell>
        </row>
        <row r="268">
          <cell r="C268">
            <v>2050104823</v>
          </cell>
        </row>
        <row r="269">
          <cell r="C269">
            <v>2050104823</v>
          </cell>
        </row>
        <row r="270">
          <cell r="C270">
            <v>2050104823</v>
          </cell>
        </row>
        <row r="271">
          <cell r="C271">
            <v>2050106687</v>
          </cell>
        </row>
        <row r="272">
          <cell r="C272">
            <v>2050106851</v>
          </cell>
        </row>
        <row r="273">
          <cell r="C273">
            <v>2050107586</v>
          </cell>
        </row>
        <row r="274">
          <cell r="C274">
            <v>2050108337</v>
          </cell>
        </row>
        <row r="275">
          <cell r="C275">
            <v>2050109905</v>
          </cell>
        </row>
        <row r="276">
          <cell r="C276">
            <v>2050109905</v>
          </cell>
        </row>
        <row r="277">
          <cell r="C277">
            <v>2050110945</v>
          </cell>
        </row>
        <row r="278">
          <cell r="C278">
            <v>2050111992</v>
          </cell>
        </row>
        <row r="279">
          <cell r="C279">
            <v>2050111992</v>
          </cell>
        </row>
        <row r="280">
          <cell r="C280">
            <v>2050112149</v>
          </cell>
        </row>
        <row r="281">
          <cell r="C281">
            <v>2050112743</v>
          </cell>
        </row>
        <row r="282">
          <cell r="C282">
            <v>2050114210</v>
          </cell>
        </row>
        <row r="283">
          <cell r="C283">
            <v>2050114517</v>
          </cell>
        </row>
        <row r="284">
          <cell r="C284">
            <v>2050114558</v>
          </cell>
        </row>
        <row r="285">
          <cell r="C285">
            <v>2050115506</v>
          </cell>
        </row>
        <row r="286">
          <cell r="C286">
            <v>2050119110</v>
          </cell>
        </row>
        <row r="287">
          <cell r="C287">
            <v>2050119110</v>
          </cell>
        </row>
        <row r="288">
          <cell r="C288">
            <v>2050119631</v>
          </cell>
        </row>
        <row r="289">
          <cell r="C289">
            <v>2050119631</v>
          </cell>
        </row>
        <row r="290">
          <cell r="C290">
            <v>2050130174</v>
          </cell>
        </row>
        <row r="291">
          <cell r="C291">
            <v>2050130711</v>
          </cell>
        </row>
        <row r="292">
          <cell r="C292">
            <v>2050130943</v>
          </cell>
        </row>
        <row r="293">
          <cell r="C293">
            <v>2050130943</v>
          </cell>
        </row>
        <row r="294">
          <cell r="C294">
            <v>2050130943</v>
          </cell>
        </row>
        <row r="295">
          <cell r="C295">
            <v>2050131214</v>
          </cell>
        </row>
        <row r="296">
          <cell r="C296">
            <v>2050131214</v>
          </cell>
        </row>
        <row r="297">
          <cell r="C297">
            <v>2050135090</v>
          </cell>
        </row>
        <row r="298">
          <cell r="C298">
            <v>2050139373</v>
          </cell>
        </row>
        <row r="299">
          <cell r="C299">
            <v>2050146121</v>
          </cell>
        </row>
        <row r="300">
          <cell r="C300">
            <v>2050146188</v>
          </cell>
        </row>
        <row r="301">
          <cell r="C301">
            <v>2050146196</v>
          </cell>
        </row>
        <row r="302">
          <cell r="C302">
            <v>2050146196</v>
          </cell>
        </row>
        <row r="303">
          <cell r="C303">
            <v>2050149620</v>
          </cell>
        </row>
        <row r="304">
          <cell r="C304">
            <v>2050151279</v>
          </cell>
        </row>
        <row r="305">
          <cell r="C305">
            <v>2050154984</v>
          </cell>
        </row>
        <row r="306">
          <cell r="C306">
            <v>3020000047</v>
          </cell>
        </row>
        <row r="307">
          <cell r="C307">
            <v>3020000047</v>
          </cell>
        </row>
        <row r="308">
          <cell r="C308">
            <v>3020000244</v>
          </cell>
        </row>
        <row r="309">
          <cell r="C309">
            <v>3020000270</v>
          </cell>
        </row>
        <row r="310">
          <cell r="C310">
            <v>3020000315</v>
          </cell>
        </row>
        <row r="311">
          <cell r="C311">
            <v>3020000351</v>
          </cell>
        </row>
        <row r="312">
          <cell r="C312">
            <v>3020000351</v>
          </cell>
        </row>
        <row r="313">
          <cell r="C313">
            <v>3020000351</v>
          </cell>
        </row>
        <row r="314">
          <cell r="C314">
            <v>3020000351</v>
          </cell>
        </row>
        <row r="315">
          <cell r="C315">
            <v>3020000403</v>
          </cell>
        </row>
        <row r="316">
          <cell r="C316">
            <v>3020000443</v>
          </cell>
        </row>
        <row r="317">
          <cell r="C317">
            <v>3020000449</v>
          </cell>
        </row>
        <row r="318">
          <cell r="C318">
            <v>3020000449</v>
          </cell>
        </row>
        <row r="319">
          <cell r="C319">
            <v>3020000510</v>
          </cell>
        </row>
        <row r="320">
          <cell r="C320">
            <v>3020000584</v>
          </cell>
        </row>
        <row r="321">
          <cell r="C321">
            <v>3020000669</v>
          </cell>
        </row>
        <row r="322">
          <cell r="C322">
            <v>3020000700</v>
          </cell>
        </row>
        <row r="323">
          <cell r="C323">
            <v>3020000700</v>
          </cell>
        </row>
        <row r="324">
          <cell r="C324">
            <v>3020000700</v>
          </cell>
        </row>
        <row r="325">
          <cell r="C325">
            <v>3020000747</v>
          </cell>
        </row>
        <row r="326">
          <cell r="C326">
            <v>3020000818</v>
          </cell>
        </row>
        <row r="327">
          <cell r="C327">
            <v>3020000875</v>
          </cell>
        </row>
        <row r="328">
          <cell r="C328">
            <v>3020000935</v>
          </cell>
        </row>
        <row r="329">
          <cell r="C329">
            <v>3020000973</v>
          </cell>
        </row>
        <row r="330">
          <cell r="C330">
            <v>3020001025</v>
          </cell>
        </row>
        <row r="331">
          <cell r="C331">
            <v>3020001072</v>
          </cell>
        </row>
        <row r="332">
          <cell r="C332">
            <v>3020001073</v>
          </cell>
        </row>
        <row r="333">
          <cell r="C333">
            <v>3020001074</v>
          </cell>
        </row>
        <row r="334">
          <cell r="C334">
            <v>3020001074</v>
          </cell>
        </row>
        <row r="335">
          <cell r="C335">
            <v>3020001080</v>
          </cell>
        </row>
        <row r="336">
          <cell r="C336">
            <v>3020001080</v>
          </cell>
        </row>
        <row r="337">
          <cell r="C337">
            <v>3020001080</v>
          </cell>
        </row>
        <row r="338">
          <cell r="C338">
            <v>3020001080</v>
          </cell>
        </row>
        <row r="339">
          <cell r="C339">
            <v>3020001154</v>
          </cell>
        </row>
        <row r="340">
          <cell r="C340">
            <v>3020001266</v>
          </cell>
        </row>
        <row r="341">
          <cell r="C341">
            <v>3020001266</v>
          </cell>
        </row>
        <row r="342">
          <cell r="C342">
            <v>3020001373</v>
          </cell>
        </row>
        <row r="343">
          <cell r="C343">
            <v>3020001373</v>
          </cell>
        </row>
        <row r="344">
          <cell r="C344">
            <v>3020001397</v>
          </cell>
        </row>
        <row r="345">
          <cell r="C345">
            <v>3020001397</v>
          </cell>
        </row>
        <row r="346">
          <cell r="C346">
            <v>3020001397</v>
          </cell>
        </row>
        <row r="347">
          <cell r="C347">
            <v>3020001446</v>
          </cell>
        </row>
        <row r="348">
          <cell r="C348">
            <v>3020001456</v>
          </cell>
        </row>
        <row r="349">
          <cell r="C349">
            <v>3020001458</v>
          </cell>
        </row>
        <row r="350">
          <cell r="C350">
            <v>3020001471</v>
          </cell>
        </row>
        <row r="351">
          <cell r="C351">
            <v>3020001494</v>
          </cell>
        </row>
        <row r="352">
          <cell r="C352">
            <v>3020001552</v>
          </cell>
        </row>
        <row r="353">
          <cell r="C353">
            <v>3020001552</v>
          </cell>
        </row>
        <row r="354">
          <cell r="C354">
            <v>3020001553</v>
          </cell>
        </row>
        <row r="355">
          <cell r="C355">
            <v>3020001554</v>
          </cell>
        </row>
        <row r="356">
          <cell r="C356">
            <v>3020001764</v>
          </cell>
        </row>
        <row r="357">
          <cell r="C357">
            <v>3020001798</v>
          </cell>
        </row>
        <row r="358">
          <cell r="C358">
            <v>3020001798</v>
          </cell>
        </row>
        <row r="359">
          <cell r="C359">
            <v>3020001798</v>
          </cell>
        </row>
        <row r="360">
          <cell r="C360">
            <v>3020001798</v>
          </cell>
        </row>
        <row r="361">
          <cell r="C361">
            <v>3020001836</v>
          </cell>
        </row>
        <row r="362">
          <cell r="C362">
            <v>3020001840</v>
          </cell>
        </row>
        <row r="363">
          <cell r="C363">
            <v>3020001874</v>
          </cell>
        </row>
        <row r="364">
          <cell r="C364">
            <v>3020001874</v>
          </cell>
        </row>
        <row r="365">
          <cell r="C365">
            <v>3020001886</v>
          </cell>
        </row>
        <row r="366">
          <cell r="C366">
            <v>3020001886</v>
          </cell>
        </row>
        <row r="367">
          <cell r="C367">
            <v>3020001913</v>
          </cell>
        </row>
        <row r="368">
          <cell r="C368">
            <v>3020001913</v>
          </cell>
        </row>
        <row r="369">
          <cell r="C369">
            <v>3020001984</v>
          </cell>
        </row>
        <row r="370">
          <cell r="C370">
            <v>3020002018</v>
          </cell>
        </row>
        <row r="371">
          <cell r="C371">
            <v>3020002026</v>
          </cell>
        </row>
        <row r="372">
          <cell r="C372">
            <v>3020002279</v>
          </cell>
        </row>
      </sheetData>
      <sheetData sheetId="13" refreshError="1"/>
      <sheetData sheetId="14" refreshError="1"/>
      <sheetData sheetId="15" refreshError="1"/>
      <sheetData sheetId="16" refreshError="1"/>
      <sheetData sheetId="17" refreshError="1"/>
      <sheetData sheetId="18"/>
      <sheetData sheetId="19" refreshError="1"/>
      <sheetData sheetId="2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入力シート"/>
      <sheetName val="重要事項説明書（予防）"/>
      <sheetName val="個人情報使用同意書（予防）"/>
      <sheetName val="居宅届出書"/>
      <sheetName val="個人情報使用同意書"/>
      <sheetName val="居宅届出書（予防）"/>
      <sheetName val="重要事項説明書"/>
      <sheetName val="依頼書 "/>
      <sheetName val="委託先"/>
      <sheetName val="保護解除は市町村コード"/>
    </sheetNames>
    <sheetDataSet>
      <sheetData sheetId="0">
        <row r="3">
          <cell r="O3" t="str">
            <v>甲州市塩山上於曽1195</v>
          </cell>
          <cell r="P3" t="str">
            <v>404-0042</v>
          </cell>
          <cell r="AA3">
            <v>1950380004</v>
          </cell>
        </row>
        <row r="19">
          <cell r="C19" t="str">
            <v>新規</v>
          </cell>
        </row>
      </sheetData>
      <sheetData sheetId="1" refreshError="1"/>
      <sheetData sheetId="2" refreshError="1"/>
      <sheetData sheetId="3"/>
      <sheetData sheetId="4" refreshError="1"/>
      <sheetData sheetId="5" refreshError="1"/>
      <sheetData sheetId="6" refreshError="1"/>
      <sheetData sheetId="7" refreshError="1"/>
      <sheetData sheetId="8" refreshError="1"/>
      <sheetData sheetId="9"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1E21D6-60A2-4D65-B741-E7B307BE61DB}">
  <dimension ref="A1:AQ60"/>
  <sheetViews>
    <sheetView tabSelected="1" view="pageBreakPreview" topLeftCell="A9" zoomScaleNormal="100" zoomScaleSheetLayoutView="100" workbookViewId="0">
      <selection activeCell="A26" sqref="A26:J26"/>
    </sheetView>
  </sheetViews>
  <sheetFormatPr defaultColWidth="9" defaultRowHeight="13.5" x14ac:dyDescent="0.15"/>
  <cols>
    <col min="1" max="10" width="4.5" style="1" customWidth="1"/>
    <col min="11" max="22" width="4.25" style="1" customWidth="1"/>
    <col min="23" max="16384" width="9" style="1"/>
  </cols>
  <sheetData>
    <row r="1" spans="1:22" ht="18" customHeight="1" x14ac:dyDescent="0.15">
      <c r="A1" s="142" t="s">
        <v>0</v>
      </c>
      <c r="B1" s="142"/>
      <c r="C1" s="142"/>
      <c r="D1" s="142"/>
      <c r="E1" s="142"/>
      <c r="F1" s="142"/>
      <c r="G1" s="142"/>
      <c r="H1" s="142"/>
      <c r="I1" s="142"/>
      <c r="J1" s="142"/>
      <c r="K1" s="142"/>
      <c r="L1" s="142"/>
      <c r="M1" s="142"/>
      <c r="N1" s="142"/>
      <c r="O1" s="142"/>
      <c r="P1" s="142"/>
      <c r="Q1" s="142"/>
      <c r="R1" s="142"/>
      <c r="S1" s="142"/>
      <c r="T1" s="142"/>
      <c r="U1" s="142"/>
      <c r="V1" s="142"/>
    </row>
    <row r="2" spans="1:22" ht="9.6" customHeight="1" x14ac:dyDescent="0.15">
      <c r="A2" s="5"/>
      <c r="B2" s="5"/>
      <c r="C2" s="5"/>
      <c r="D2" s="5"/>
      <c r="E2" s="5"/>
      <c r="F2" s="5"/>
      <c r="G2" s="5"/>
      <c r="H2" s="5"/>
      <c r="I2" s="5"/>
      <c r="J2" s="5"/>
      <c r="K2" s="5"/>
      <c r="L2" s="5"/>
      <c r="M2" s="5"/>
      <c r="N2" s="5"/>
      <c r="O2" s="5"/>
      <c r="P2" s="5"/>
      <c r="Q2" s="5"/>
      <c r="R2" s="5"/>
      <c r="S2" s="5"/>
      <c r="T2" s="5"/>
      <c r="U2" s="5"/>
      <c r="V2" s="5"/>
    </row>
    <row r="3" spans="1:22" ht="13.15" customHeight="1" x14ac:dyDescent="0.15">
      <c r="A3" s="6"/>
      <c r="B3" s="6"/>
      <c r="C3" s="6"/>
      <c r="D3" s="6"/>
      <c r="E3" s="6"/>
      <c r="F3" s="6"/>
      <c r="G3" s="6"/>
      <c r="H3" s="6"/>
      <c r="I3" s="6"/>
      <c r="J3" s="6"/>
      <c r="K3" s="6"/>
      <c r="L3" s="6"/>
      <c r="M3" s="6"/>
      <c r="N3" s="6"/>
      <c r="O3" s="6"/>
      <c r="P3" s="6"/>
      <c r="Q3" s="6"/>
      <c r="R3" s="143" t="s">
        <v>1</v>
      </c>
      <c r="S3" s="144"/>
      <c r="T3" s="144"/>
      <c r="U3" s="144"/>
      <c r="V3" s="145"/>
    </row>
    <row r="4" spans="1:22" ht="13.15" customHeight="1" x14ac:dyDescent="0.15">
      <c r="A4" s="7"/>
      <c r="B4" s="8"/>
      <c r="C4" s="8"/>
      <c r="D4" s="8"/>
      <c r="E4" s="8"/>
      <c r="F4" s="8"/>
      <c r="G4" s="8"/>
      <c r="H4" s="8"/>
      <c r="I4" s="8"/>
      <c r="J4" s="8"/>
      <c r="K4" s="8"/>
      <c r="L4" s="7"/>
      <c r="M4" s="8"/>
      <c r="N4" s="8"/>
      <c r="O4" s="8"/>
      <c r="P4" s="8"/>
      <c r="Q4" s="8"/>
      <c r="R4" s="146" t="str">
        <f>[2]入力シート!C19</f>
        <v>新規</v>
      </c>
      <c r="S4" s="147"/>
      <c r="T4" s="147"/>
      <c r="U4" s="147"/>
      <c r="V4" s="148"/>
    </row>
    <row r="5" spans="1:22" ht="12.6" customHeight="1" x14ac:dyDescent="0.15">
      <c r="A5" s="149" t="s">
        <v>2</v>
      </c>
      <c r="B5" s="150"/>
      <c r="C5" s="150"/>
      <c r="D5" s="150"/>
      <c r="E5" s="150"/>
      <c r="F5" s="150"/>
      <c r="G5" s="150"/>
      <c r="H5" s="150"/>
      <c r="I5" s="150"/>
      <c r="J5" s="151"/>
      <c r="K5" s="149" t="s">
        <v>3</v>
      </c>
      <c r="L5" s="150"/>
      <c r="M5" s="150"/>
      <c r="N5" s="150"/>
      <c r="O5" s="150"/>
      <c r="P5" s="150"/>
      <c r="Q5" s="150"/>
      <c r="R5" s="150"/>
      <c r="S5" s="150"/>
      <c r="T5" s="150"/>
      <c r="U5" s="150"/>
      <c r="V5" s="151"/>
    </row>
    <row r="6" spans="1:22" ht="21" customHeight="1" x14ac:dyDescent="0.15">
      <c r="A6" s="152" t="s">
        <v>4</v>
      </c>
      <c r="B6" s="153"/>
      <c r="C6" s="154"/>
      <c r="D6" s="154"/>
      <c r="E6" s="154"/>
      <c r="F6" s="154"/>
      <c r="G6" s="154"/>
      <c r="H6" s="154"/>
      <c r="I6" s="154"/>
      <c r="J6" s="155"/>
      <c r="K6" s="9"/>
      <c r="L6" s="10"/>
      <c r="M6" s="10"/>
      <c r="N6" s="10"/>
      <c r="O6" s="10"/>
      <c r="P6" s="10"/>
      <c r="Q6" s="10"/>
      <c r="R6" s="10"/>
      <c r="S6" s="10"/>
      <c r="T6" s="10"/>
      <c r="U6" s="10"/>
      <c r="V6" s="11"/>
    </row>
    <row r="7" spans="1:22" ht="13.15" customHeight="1" x14ac:dyDescent="0.15">
      <c r="A7" s="131"/>
      <c r="B7" s="132"/>
      <c r="C7" s="132"/>
      <c r="D7" s="132"/>
      <c r="E7" s="132"/>
      <c r="F7" s="132"/>
      <c r="G7" s="132"/>
      <c r="H7" s="132"/>
      <c r="I7" s="132"/>
      <c r="J7" s="133"/>
      <c r="K7" s="140" t="s">
        <v>5</v>
      </c>
      <c r="L7" s="140"/>
      <c r="M7" s="140"/>
      <c r="N7" s="140"/>
      <c r="O7" s="140"/>
      <c r="P7" s="140"/>
      <c r="Q7" s="140"/>
      <c r="R7" s="140"/>
      <c r="S7" s="140"/>
      <c r="T7" s="140"/>
      <c r="U7" s="140"/>
      <c r="V7" s="140"/>
    </row>
    <row r="8" spans="1:22" ht="19.149999999999999" customHeight="1" x14ac:dyDescent="0.15">
      <c r="A8" s="134"/>
      <c r="B8" s="135"/>
      <c r="C8" s="135"/>
      <c r="D8" s="135"/>
      <c r="E8" s="135"/>
      <c r="F8" s="135"/>
      <c r="G8" s="135"/>
      <c r="H8" s="135"/>
      <c r="I8" s="135"/>
      <c r="J8" s="136"/>
      <c r="K8" s="12" t="s">
        <v>6</v>
      </c>
      <c r="L8" s="13" t="s">
        <v>6</v>
      </c>
      <c r="M8" s="13" t="s">
        <v>6</v>
      </c>
      <c r="N8" s="13" t="s">
        <v>6</v>
      </c>
      <c r="O8" s="13" t="s">
        <v>6</v>
      </c>
      <c r="P8" s="13" t="s">
        <v>6</v>
      </c>
      <c r="Q8" s="13" t="s">
        <v>6</v>
      </c>
      <c r="R8" s="13" t="s">
        <v>6</v>
      </c>
      <c r="S8" s="13" t="s">
        <v>6</v>
      </c>
      <c r="T8" s="13" t="s">
        <v>6</v>
      </c>
      <c r="U8" s="13" t="s">
        <v>6</v>
      </c>
      <c r="V8" s="14" t="s">
        <v>6</v>
      </c>
    </row>
    <row r="9" spans="1:22" ht="14.45" customHeight="1" x14ac:dyDescent="0.15">
      <c r="A9" s="134"/>
      <c r="B9" s="135"/>
      <c r="C9" s="135"/>
      <c r="D9" s="135"/>
      <c r="E9" s="135"/>
      <c r="F9" s="135"/>
      <c r="G9" s="135"/>
      <c r="H9" s="135"/>
      <c r="I9" s="135"/>
      <c r="J9" s="136"/>
      <c r="K9" s="140" t="s">
        <v>7</v>
      </c>
      <c r="L9" s="140"/>
      <c r="M9" s="140"/>
      <c r="N9" s="140"/>
      <c r="O9" s="140"/>
      <c r="P9" s="140"/>
      <c r="Q9" s="140"/>
      <c r="R9" s="140"/>
      <c r="S9" s="140" t="s">
        <v>8</v>
      </c>
      <c r="T9" s="140"/>
      <c r="U9" s="140"/>
      <c r="V9" s="140"/>
    </row>
    <row r="10" spans="1:22" ht="16.899999999999999" customHeight="1" x14ac:dyDescent="0.15">
      <c r="A10" s="137"/>
      <c r="B10" s="138"/>
      <c r="C10" s="138"/>
      <c r="D10" s="138"/>
      <c r="E10" s="138"/>
      <c r="F10" s="138"/>
      <c r="G10" s="138"/>
      <c r="H10" s="138"/>
      <c r="I10" s="138"/>
      <c r="J10" s="139"/>
      <c r="K10" s="141"/>
      <c r="L10" s="141"/>
      <c r="M10" s="141"/>
      <c r="N10" s="141"/>
      <c r="O10" s="141"/>
      <c r="P10" s="141"/>
      <c r="Q10" s="141"/>
      <c r="R10" s="141"/>
      <c r="S10" s="140"/>
      <c r="T10" s="140"/>
      <c r="U10" s="140"/>
      <c r="V10" s="140"/>
    </row>
    <row r="11" spans="1:22" ht="13.9" customHeight="1" x14ac:dyDescent="0.15">
      <c r="A11" s="49" t="s">
        <v>9</v>
      </c>
      <c r="B11" s="118"/>
      <c r="C11" s="118"/>
      <c r="D11" s="118"/>
      <c r="E11" s="118"/>
      <c r="F11" s="118"/>
      <c r="G11" s="118"/>
      <c r="H11" s="118"/>
      <c r="I11" s="118"/>
      <c r="J11" s="118"/>
      <c r="K11" s="118"/>
      <c r="L11" s="118"/>
      <c r="M11" s="118"/>
      <c r="N11" s="118"/>
      <c r="O11" s="118"/>
      <c r="P11" s="118"/>
      <c r="Q11" s="118"/>
      <c r="R11" s="118"/>
      <c r="S11" s="118"/>
      <c r="T11" s="118"/>
      <c r="U11" s="118"/>
      <c r="V11" s="119"/>
    </row>
    <row r="12" spans="1:22" ht="13.9" customHeight="1" x14ac:dyDescent="0.15">
      <c r="A12" s="120"/>
      <c r="B12" s="121"/>
      <c r="C12" s="121"/>
      <c r="D12" s="121"/>
      <c r="E12" s="121"/>
      <c r="F12" s="121"/>
      <c r="G12" s="121"/>
      <c r="H12" s="121"/>
      <c r="I12" s="121"/>
      <c r="J12" s="121"/>
      <c r="K12" s="121"/>
      <c r="L12" s="121"/>
      <c r="M12" s="121"/>
      <c r="N12" s="121"/>
      <c r="O12" s="121"/>
      <c r="P12" s="121"/>
      <c r="Q12" s="121"/>
      <c r="R12" s="121"/>
      <c r="S12" s="121"/>
      <c r="T12" s="121"/>
      <c r="U12" s="121"/>
      <c r="V12" s="122"/>
    </row>
    <row r="13" spans="1:22" ht="13.9" customHeight="1" x14ac:dyDescent="0.15">
      <c r="A13" s="123" t="s">
        <v>10</v>
      </c>
      <c r="B13" s="123"/>
      <c r="C13" s="123"/>
      <c r="D13" s="123"/>
      <c r="E13" s="123"/>
      <c r="F13" s="123"/>
      <c r="G13" s="124"/>
      <c r="H13" s="124"/>
      <c r="I13" s="124"/>
      <c r="J13" s="125"/>
      <c r="K13" s="123" t="s">
        <v>11</v>
      </c>
      <c r="L13" s="123"/>
      <c r="M13" s="123"/>
      <c r="N13" s="123"/>
      <c r="O13" s="123"/>
      <c r="P13" s="123"/>
      <c r="Q13" s="123"/>
      <c r="R13" s="123"/>
      <c r="S13" s="16"/>
      <c r="T13" s="17"/>
      <c r="U13" s="17"/>
      <c r="V13" s="18"/>
    </row>
    <row r="14" spans="1:22" ht="13.9" customHeight="1" x14ac:dyDescent="0.15">
      <c r="A14" s="123"/>
      <c r="B14" s="123"/>
      <c r="C14" s="123"/>
      <c r="D14" s="123"/>
      <c r="E14" s="123"/>
      <c r="F14" s="123"/>
      <c r="G14" s="19"/>
      <c r="H14" s="19"/>
      <c r="I14" s="19"/>
      <c r="J14" s="20"/>
      <c r="K14" s="123"/>
      <c r="L14" s="123"/>
      <c r="M14" s="123"/>
      <c r="N14" s="123"/>
      <c r="O14" s="123"/>
      <c r="P14" s="123"/>
      <c r="Q14" s="123"/>
      <c r="R14" s="123"/>
      <c r="S14" s="126"/>
      <c r="T14" s="126"/>
      <c r="U14" s="126"/>
      <c r="V14" s="127"/>
    </row>
    <row r="15" spans="1:22" ht="16.149999999999999" customHeight="1" x14ac:dyDescent="0.15">
      <c r="A15" s="109"/>
      <c r="B15" s="110"/>
      <c r="C15" s="110"/>
      <c r="D15" s="110"/>
      <c r="E15" s="110"/>
      <c r="F15" s="110"/>
      <c r="G15" s="110"/>
      <c r="H15" s="110"/>
      <c r="I15" s="110"/>
      <c r="J15" s="111"/>
      <c r="K15" s="109"/>
      <c r="L15" s="110"/>
      <c r="M15" s="110"/>
      <c r="N15" s="110"/>
      <c r="O15" s="110"/>
      <c r="P15" s="110"/>
      <c r="Q15" s="110"/>
      <c r="R15" s="110"/>
      <c r="S15" s="110"/>
      <c r="T15" s="110"/>
      <c r="U15" s="110"/>
      <c r="V15" s="111"/>
    </row>
    <row r="16" spans="1:22" ht="14.45" customHeight="1" x14ac:dyDescent="0.15">
      <c r="A16" s="128"/>
      <c r="B16" s="129"/>
      <c r="C16" s="129"/>
      <c r="D16" s="129"/>
      <c r="E16" s="129"/>
      <c r="F16" s="129"/>
      <c r="G16" s="129"/>
      <c r="H16" s="129"/>
      <c r="I16" s="129"/>
      <c r="J16" s="130"/>
      <c r="K16" s="100" t="s">
        <v>12</v>
      </c>
      <c r="L16" s="101"/>
      <c r="M16" s="101"/>
      <c r="N16" s="101"/>
      <c r="O16" s="101"/>
      <c r="P16" s="101"/>
      <c r="Q16" s="101"/>
      <c r="R16" s="101"/>
      <c r="S16" s="101"/>
      <c r="T16" s="101"/>
      <c r="U16" s="101"/>
      <c r="V16" s="102"/>
    </row>
    <row r="17" spans="1:22" ht="15" customHeight="1" x14ac:dyDescent="0.15">
      <c r="A17" s="91" t="s">
        <v>13</v>
      </c>
      <c r="B17" s="92"/>
      <c r="C17" s="92"/>
      <c r="D17" s="92"/>
      <c r="E17" s="92"/>
      <c r="F17" s="92"/>
      <c r="G17" s="92"/>
      <c r="H17" s="92"/>
      <c r="I17" s="92"/>
      <c r="J17" s="93"/>
      <c r="K17" s="91" t="s">
        <v>14</v>
      </c>
      <c r="L17" s="92"/>
      <c r="M17" s="92"/>
      <c r="N17" s="92"/>
      <c r="O17" s="92"/>
      <c r="P17" s="92"/>
      <c r="Q17" s="92"/>
      <c r="R17" s="92"/>
      <c r="S17" s="92"/>
      <c r="T17" s="92"/>
      <c r="U17" s="92"/>
      <c r="V17" s="93"/>
    </row>
    <row r="18" spans="1:22" ht="18" customHeight="1" x14ac:dyDescent="0.15">
      <c r="A18" s="21"/>
      <c r="B18" s="21"/>
      <c r="C18" s="21"/>
      <c r="D18" s="21"/>
      <c r="E18" s="21"/>
      <c r="F18" s="21"/>
      <c r="G18" s="21"/>
      <c r="H18" s="21"/>
      <c r="I18" s="21"/>
      <c r="J18" s="21"/>
      <c r="K18" s="94" t="s">
        <v>15</v>
      </c>
      <c r="L18" s="95"/>
      <c r="M18" s="95"/>
      <c r="N18" s="95"/>
      <c r="O18" s="95"/>
      <c r="P18" s="95"/>
      <c r="Q18" s="95"/>
      <c r="R18" s="95"/>
      <c r="S18" s="95"/>
      <c r="T18" s="95"/>
      <c r="U18" s="95"/>
      <c r="V18" s="96"/>
    </row>
    <row r="19" spans="1:22" ht="19.149999999999999" customHeight="1" x14ac:dyDescent="0.15">
      <c r="A19" s="112" t="s">
        <v>16</v>
      </c>
      <c r="B19" s="113"/>
      <c r="C19" s="113"/>
      <c r="D19" s="113"/>
      <c r="E19" s="113"/>
      <c r="F19" s="113"/>
      <c r="G19" s="113"/>
      <c r="H19" s="113"/>
      <c r="I19" s="113"/>
      <c r="J19" s="113"/>
      <c r="K19" s="113"/>
      <c r="L19" s="113"/>
      <c r="M19" s="113"/>
      <c r="N19" s="113"/>
      <c r="O19" s="113"/>
      <c r="P19" s="113"/>
      <c r="Q19" s="113"/>
      <c r="R19" s="113"/>
      <c r="S19" s="113"/>
      <c r="T19" s="113"/>
      <c r="U19" s="113"/>
      <c r="V19" s="114"/>
    </row>
    <row r="20" spans="1:22" ht="24.6" customHeight="1" x14ac:dyDescent="0.15">
      <c r="A20" s="115" t="s">
        <v>17</v>
      </c>
      <c r="B20" s="116"/>
      <c r="C20" s="116"/>
      <c r="D20" s="116"/>
      <c r="E20" s="116"/>
      <c r="F20" s="116"/>
      <c r="G20" s="116"/>
      <c r="H20" s="116"/>
      <c r="I20" s="116"/>
      <c r="J20" s="116"/>
      <c r="K20" s="116"/>
      <c r="L20" s="116"/>
      <c r="M20" s="116"/>
      <c r="N20" s="116"/>
      <c r="O20" s="116"/>
      <c r="P20" s="116"/>
      <c r="Q20" s="116"/>
      <c r="R20" s="116"/>
      <c r="S20" s="116"/>
      <c r="T20" s="116"/>
      <c r="U20" s="116"/>
      <c r="V20" s="117"/>
    </row>
    <row r="21" spans="1:22" ht="13.15" customHeight="1" x14ac:dyDescent="0.15">
      <c r="A21" s="49" t="s">
        <v>18</v>
      </c>
      <c r="B21" s="118"/>
      <c r="C21" s="118"/>
      <c r="D21" s="118"/>
      <c r="E21" s="118"/>
      <c r="F21" s="118"/>
      <c r="G21" s="118"/>
      <c r="H21" s="118"/>
      <c r="I21" s="118"/>
      <c r="J21" s="118"/>
      <c r="K21" s="118"/>
      <c r="L21" s="118"/>
      <c r="M21" s="118"/>
      <c r="N21" s="118"/>
      <c r="O21" s="118"/>
      <c r="P21" s="118"/>
      <c r="Q21" s="118"/>
      <c r="R21" s="118"/>
      <c r="S21" s="118"/>
      <c r="T21" s="118"/>
      <c r="U21" s="118"/>
      <c r="V21" s="119"/>
    </row>
    <row r="22" spans="1:22" ht="13.15" customHeight="1" x14ac:dyDescent="0.15">
      <c r="A22" s="100" t="s">
        <v>19</v>
      </c>
      <c r="B22" s="101"/>
      <c r="C22" s="101"/>
      <c r="D22" s="101"/>
      <c r="E22" s="101"/>
      <c r="F22" s="101"/>
      <c r="G22" s="101"/>
      <c r="H22" s="101"/>
      <c r="I22" s="101"/>
      <c r="J22" s="101"/>
      <c r="K22" s="101"/>
      <c r="L22" s="101"/>
      <c r="M22" s="101"/>
      <c r="N22" s="101"/>
      <c r="O22" s="101"/>
      <c r="P22" s="101"/>
      <c r="Q22" s="101"/>
      <c r="R22" s="101"/>
      <c r="S22" s="101"/>
      <c r="T22" s="101"/>
      <c r="U22" s="101"/>
      <c r="V22" s="102"/>
    </row>
    <row r="23" spans="1:22" ht="13.15" customHeight="1" x14ac:dyDescent="0.15">
      <c r="A23" s="97" t="s">
        <v>20</v>
      </c>
      <c r="B23" s="97"/>
      <c r="C23" s="97"/>
      <c r="D23" s="97"/>
      <c r="E23" s="97"/>
      <c r="F23" s="97"/>
      <c r="G23" s="22"/>
      <c r="H23" s="22"/>
      <c r="I23" s="22"/>
      <c r="J23" s="23"/>
      <c r="K23" s="103" t="s">
        <v>21</v>
      </c>
      <c r="L23" s="104"/>
      <c r="M23" s="104"/>
      <c r="N23" s="104"/>
      <c r="O23" s="104"/>
      <c r="P23" s="104"/>
      <c r="Q23" s="105"/>
      <c r="R23" s="73" t="str">
        <f>IF(A24="","","〒"&amp;[2]入力シート!P3)</f>
        <v/>
      </c>
      <c r="S23" s="72"/>
      <c r="T23" s="72"/>
      <c r="U23" s="72"/>
      <c r="V23" s="74"/>
    </row>
    <row r="24" spans="1:22" ht="18" customHeight="1" x14ac:dyDescent="0.15">
      <c r="A24" s="106"/>
      <c r="B24" s="107"/>
      <c r="C24" s="107"/>
      <c r="D24" s="107"/>
      <c r="E24" s="107"/>
      <c r="F24" s="107"/>
      <c r="G24" s="107"/>
      <c r="H24" s="107"/>
      <c r="I24" s="107"/>
      <c r="J24" s="108"/>
      <c r="K24" s="109" t="str">
        <f>IF(A24="","",[2]入力シート!O3)</f>
        <v/>
      </c>
      <c r="L24" s="110"/>
      <c r="M24" s="110"/>
      <c r="N24" s="110"/>
      <c r="O24" s="110"/>
      <c r="P24" s="110"/>
      <c r="Q24" s="110"/>
      <c r="R24" s="110"/>
      <c r="S24" s="110"/>
      <c r="T24" s="110"/>
      <c r="U24" s="110"/>
      <c r="V24" s="111"/>
    </row>
    <row r="25" spans="1:22" ht="14.45" customHeight="1" x14ac:dyDescent="0.15">
      <c r="A25" s="24"/>
      <c r="B25" s="25"/>
      <c r="C25" s="25"/>
      <c r="D25" s="25"/>
      <c r="E25" s="25"/>
      <c r="F25" s="25"/>
      <c r="G25" s="25"/>
      <c r="H25" s="25"/>
      <c r="I25" s="25"/>
      <c r="J25" s="26"/>
      <c r="K25" s="27"/>
      <c r="L25" s="28"/>
      <c r="M25" s="28"/>
      <c r="N25" s="28"/>
      <c r="O25" s="89" t="s">
        <v>22</v>
      </c>
      <c r="P25" s="89"/>
      <c r="Q25" s="89"/>
      <c r="R25" s="89"/>
      <c r="S25" s="89"/>
      <c r="T25" s="89"/>
      <c r="U25" s="89"/>
      <c r="V25" s="90"/>
    </row>
    <row r="26" spans="1:22" ht="15" customHeight="1" x14ac:dyDescent="0.15">
      <c r="A26" s="91" t="s">
        <v>62</v>
      </c>
      <c r="B26" s="92"/>
      <c r="C26" s="92"/>
      <c r="D26" s="92"/>
      <c r="E26" s="92"/>
      <c r="F26" s="92"/>
      <c r="G26" s="92"/>
      <c r="H26" s="92"/>
      <c r="I26" s="92"/>
      <c r="J26" s="93"/>
      <c r="K26" s="91" t="s">
        <v>14</v>
      </c>
      <c r="L26" s="92"/>
      <c r="M26" s="92"/>
      <c r="N26" s="92"/>
      <c r="O26" s="92"/>
      <c r="P26" s="92"/>
      <c r="Q26" s="92"/>
      <c r="R26" s="92"/>
      <c r="S26" s="92"/>
      <c r="T26" s="92"/>
      <c r="U26" s="92"/>
      <c r="V26" s="93"/>
    </row>
    <row r="27" spans="1:22" ht="18" customHeight="1" x14ac:dyDescent="0.15">
      <c r="A27" s="21" t="str">
        <f>MID(IF($A$24="","",""&amp;[2]入力シート!$AA$3),1,1)</f>
        <v/>
      </c>
      <c r="B27" s="21" t="str">
        <f>MID(IF($A$24="","",""&amp;[2]入力シート!$AA$3),2,1)</f>
        <v/>
      </c>
      <c r="C27" s="21" t="str">
        <f>MID(IF($A$24="","",""&amp;[2]入力シート!$AA$3),3,1)</f>
        <v/>
      </c>
      <c r="D27" s="21" t="str">
        <f>MID(IF($A$24="","",""&amp;[2]入力シート!$AA$3),4,1)</f>
        <v/>
      </c>
      <c r="E27" s="21" t="str">
        <f>MID(IF($A$24="","",""&amp;[2]入力シート!$AA$3),5,1)</f>
        <v/>
      </c>
      <c r="F27" s="21" t="str">
        <f>MID(IF($A$24="","",""&amp;[2]入力シート!$AA$3),6,1)</f>
        <v/>
      </c>
      <c r="G27" s="21" t="str">
        <f>MID(IF($A$24="","",""&amp;[2]入力シート!$AA$3),7,1)</f>
        <v/>
      </c>
      <c r="H27" s="21" t="str">
        <f>MID(IF($A$24="","",""&amp;[2]入力シート!$AA$3),8,1)</f>
        <v/>
      </c>
      <c r="I27" s="21" t="str">
        <f>MID(IF($A$24="","",""&amp;[2]入力シート!$AA$3),9,1)</f>
        <v/>
      </c>
      <c r="J27" s="21" t="str">
        <f>MID(IF($A$24="","",""&amp;[2]入力シート!$AA$3),10,1)</f>
        <v/>
      </c>
      <c r="K27" s="94" t="s">
        <v>15</v>
      </c>
      <c r="L27" s="95"/>
      <c r="M27" s="95"/>
      <c r="N27" s="95"/>
      <c r="O27" s="95"/>
      <c r="P27" s="95"/>
      <c r="Q27" s="95"/>
      <c r="R27" s="95"/>
      <c r="S27" s="95"/>
      <c r="T27" s="95"/>
      <c r="U27" s="95"/>
      <c r="V27" s="96"/>
    </row>
    <row r="28" spans="1:22" ht="19.149999999999999" customHeight="1" x14ac:dyDescent="0.15">
      <c r="A28" s="97" t="s">
        <v>23</v>
      </c>
      <c r="B28" s="97"/>
      <c r="C28" s="97"/>
      <c r="D28" s="97"/>
      <c r="E28" s="97"/>
      <c r="F28" s="97"/>
      <c r="G28" s="97"/>
      <c r="H28" s="97"/>
      <c r="I28" s="97"/>
      <c r="J28" s="97"/>
      <c r="K28" s="97"/>
      <c r="L28" s="97"/>
      <c r="M28" s="97"/>
      <c r="N28" s="97"/>
      <c r="O28" s="97"/>
      <c r="P28" s="97"/>
      <c r="Q28" s="97"/>
      <c r="R28" s="97"/>
      <c r="S28" s="97"/>
      <c r="T28" s="97"/>
      <c r="U28" s="97"/>
      <c r="V28" s="97"/>
    </row>
    <row r="29" spans="1:22" ht="24.6" customHeight="1" x14ac:dyDescent="0.15">
      <c r="A29" s="98" t="s">
        <v>24</v>
      </c>
      <c r="B29" s="99"/>
      <c r="C29" s="99"/>
      <c r="D29" s="99"/>
      <c r="E29" s="99"/>
      <c r="F29" s="99"/>
      <c r="G29" s="99"/>
      <c r="H29" s="99"/>
      <c r="I29" s="99"/>
      <c r="J29" s="99"/>
      <c r="K29" s="29"/>
      <c r="L29" s="29"/>
      <c r="M29" s="29"/>
      <c r="N29" s="29"/>
      <c r="O29" s="29"/>
      <c r="P29" s="29"/>
      <c r="Q29" s="29"/>
      <c r="R29" s="29"/>
      <c r="S29" s="29"/>
      <c r="T29" s="29"/>
      <c r="U29" s="29"/>
      <c r="V29" s="30"/>
    </row>
    <row r="30" spans="1:22" ht="14.45" customHeight="1" x14ac:dyDescent="0.15">
      <c r="A30" s="85" t="s">
        <v>25</v>
      </c>
      <c r="B30" s="83"/>
      <c r="C30" s="83"/>
      <c r="D30" s="83"/>
      <c r="E30" s="31"/>
      <c r="F30" s="31"/>
      <c r="G30" s="31"/>
      <c r="H30" s="31"/>
      <c r="I30" s="31"/>
      <c r="J30" s="29"/>
      <c r="K30" s="29"/>
      <c r="L30" s="29"/>
      <c r="M30" s="29"/>
      <c r="N30" s="29"/>
      <c r="O30" s="29"/>
      <c r="P30" s="29"/>
      <c r="Q30" s="29"/>
      <c r="R30" s="29"/>
      <c r="S30" s="29"/>
      <c r="T30" s="29"/>
      <c r="U30" s="29"/>
      <c r="V30" s="30"/>
    </row>
    <row r="31" spans="1:22" ht="13.5" customHeight="1" x14ac:dyDescent="0.15">
      <c r="A31" s="75" t="s">
        <v>26</v>
      </c>
      <c r="B31" s="76"/>
      <c r="C31" s="76"/>
      <c r="D31" s="76"/>
      <c r="E31" s="76"/>
      <c r="F31" s="76"/>
      <c r="G31" s="76"/>
      <c r="H31" s="76"/>
      <c r="I31" s="76"/>
      <c r="J31" s="76"/>
      <c r="K31" s="76"/>
      <c r="L31" s="76"/>
      <c r="M31" s="76"/>
      <c r="N31" s="76"/>
      <c r="O31" s="76"/>
      <c r="P31" s="76"/>
      <c r="Q31" s="76"/>
      <c r="R31" s="76"/>
      <c r="S31" s="76"/>
      <c r="T31" s="76"/>
      <c r="U31" s="76"/>
      <c r="V31" s="77"/>
    </row>
    <row r="32" spans="1:22" ht="13.15" customHeight="1" x14ac:dyDescent="0.15">
      <c r="A32" s="75"/>
      <c r="B32" s="76"/>
      <c r="C32" s="76"/>
      <c r="D32" s="76"/>
      <c r="E32" s="76"/>
      <c r="F32" s="76"/>
      <c r="G32" s="76"/>
      <c r="H32" s="76"/>
      <c r="I32" s="76"/>
      <c r="J32" s="76"/>
      <c r="K32" s="76"/>
      <c r="L32" s="76"/>
      <c r="M32" s="76"/>
      <c r="N32" s="76"/>
      <c r="O32" s="76"/>
      <c r="P32" s="76"/>
      <c r="Q32" s="76"/>
      <c r="R32" s="76"/>
      <c r="S32" s="76"/>
      <c r="T32" s="76"/>
      <c r="U32" s="76"/>
      <c r="V32" s="77"/>
    </row>
    <row r="33" spans="1:43" ht="13.5" customHeight="1" x14ac:dyDescent="0.15">
      <c r="A33" s="75" t="s">
        <v>27</v>
      </c>
      <c r="B33" s="76"/>
      <c r="C33" s="76"/>
      <c r="D33" s="76"/>
      <c r="E33" s="76"/>
      <c r="F33" s="76"/>
      <c r="G33" s="76"/>
      <c r="H33" s="76"/>
      <c r="I33" s="76"/>
      <c r="J33" s="76"/>
      <c r="K33" s="8"/>
      <c r="L33" s="8"/>
      <c r="M33" s="8"/>
      <c r="N33" s="8"/>
      <c r="O33" s="8"/>
      <c r="P33" s="8"/>
      <c r="Q33" s="8"/>
      <c r="R33" s="8"/>
      <c r="S33" s="8"/>
      <c r="T33" s="8"/>
      <c r="U33" s="8"/>
      <c r="V33" s="32"/>
    </row>
    <row r="34" spans="1:43" ht="16.899999999999999" customHeight="1" x14ac:dyDescent="0.15">
      <c r="A34" s="33" t="s">
        <v>28</v>
      </c>
      <c r="B34" s="7"/>
      <c r="C34" s="7"/>
      <c r="D34" s="7"/>
      <c r="E34" s="34" t="s">
        <v>29</v>
      </c>
      <c r="F34" s="7"/>
      <c r="G34" s="7"/>
      <c r="H34" s="7"/>
      <c r="I34" s="7"/>
      <c r="J34" s="86"/>
      <c r="K34" s="86"/>
      <c r="L34" s="8"/>
      <c r="M34" s="8"/>
      <c r="N34" s="8"/>
      <c r="O34" s="8"/>
      <c r="P34" s="8"/>
      <c r="Q34" s="8"/>
      <c r="R34" s="8"/>
      <c r="S34" s="8"/>
      <c r="T34" s="8"/>
      <c r="U34" s="8"/>
      <c r="V34" s="32"/>
    </row>
    <row r="35" spans="1:43" ht="16.899999999999999" customHeight="1" x14ac:dyDescent="0.15">
      <c r="A35" s="33"/>
      <c r="B35" s="76" t="s">
        <v>30</v>
      </c>
      <c r="C35" s="76"/>
      <c r="D35" s="76"/>
      <c r="E35" s="8"/>
      <c r="F35" s="8"/>
      <c r="G35" s="8"/>
      <c r="H35" s="8"/>
      <c r="I35" s="8"/>
      <c r="J35" s="8"/>
      <c r="K35" s="8"/>
      <c r="L35" s="8"/>
      <c r="M35" s="8"/>
      <c r="N35" s="8"/>
      <c r="O35" s="8"/>
      <c r="P35" s="8"/>
      <c r="Q35" s="8"/>
      <c r="R35" s="8"/>
      <c r="S35" s="8"/>
      <c r="T35" s="8"/>
      <c r="U35" s="8"/>
      <c r="V35" s="32"/>
    </row>
    <row r="36" spans="1:43" ht="16.899999999999999" customHeight="1" x14ac:dyDescent="0.15">
      <c r="A36" s="33" t="s">
        <v>31</v>
      </c>
      <c r="B36" s="8"/>
      <c r="C36" s="8"/>
      <c r="D36" s="8"/>
      <c r="E36" s="35" t="s">
        <v>32</v>
      </c>
      <c r="F36" s="8"/>
      <c r="G36" s="8"/>
      <c r="H36" s="8"/>
      <c r="I36" s="8"/>
      <c r="J36" s="87"/>
      <c r="K36" s="87"/>
      <c r="L36" s="8"/>
      <c r="M36" s="88" t="s">
        <v>33</v>
      </c>
      <c r="N36" s="88"/>
      <c r="O36" s="88"/>
      <c r="P36" s="88"/>
      <c r="Q36" s="88"/>
      <c r="R36" s="8"/>
      <c r="S36" s="8"/>
      <c r="T36" s="8"/>
      <c r="U36" s="8"/>
      <c r="V36" s="32"/>
    </row>
    <row r="37" spans="1:43" ht="3.6" customHeight="1" x14ac:dyDescent="0.15">
      <c r="A37" s="36"/>
      <c r="B37" s="22"/>
      <c r="C37" s="15"/>
      <c r="D37" s="15"/>
      <c r="E37" s="15"/>
      <c r="F37" s="15"/>
      <c r="G37" s="15"/>
      <c r="H37" s="15"/>
      <c r="I37" s="15"/>
      <c r="J37" s="72"/>
      <c r="K37" s="72"/>
      <c r="L37" s="72"/>
      <c r="M37" s="72"/>
      <c r="N37" s="72"/>
      <c r="O37" s="72"/>
      <c r="P37" s="72"/>
      <c r="Q37" s="72"/>
      <c r="R37" s="72"/>
      <c r="S37" s="72"/>
      <c r="T37" s="72"/>
      <c r="U37" s="72"/>
      <c r="V37" s="37"/>
    </row>
    <row r="38" spans="1:43" ht="15.6" customHeight="1" x14ac:dyDescent="0.15">
      <c r="A38" s="73" t="s">
        <v>34</v>
      </c>
      <c r="B38" s="72"/>
      <c r="C38" s="72"/>
      <c r="D38" s="72"/>
      <c r="E38" s="72"/>
      <c r="F38" s="72"/>
      <c r="G38" s="72"/>
      <c r="H38" s="72"/>
      <c r="I38" s="72"/>
      <c r="J38" s="72"/>
      <c r="K38" s="72"/>
      <c r="L38" s="72"/>
      <c r="M38" s="72"/>
      <c r="N38" s="72"/>
      <c r="O38" s="72"/>
      <c r="P38" s="72"/>
      <c r="Q38" s="72"/>
      <c r="R38" s="72"/>
      <c r="S38" s="72"/>
      <c r="T38" s="72"/>
      <c r="U38" s="72"/>
      <c r="V38" s="74"/>
    </row>
    <row r="39" spans="1:43" ht="15.6" customHeight="1" x14ac:dyDescent="0.15">
      <c r="A39" s="75"/>
      <c r="B39" s="76"/>
      <c r="C39" s="76"/>
      <c r="D39" s="76"/>
      <c r="E39" s="76"/>
      <c r="F39" s="76"/>
      <c r="G39" s="76"/>
      <c r="H39" s="76"/>
      <c r="I39" s="76"/>
      <c r="J39" s="76"/>
      <c r="K39" s="76"/>
      <c r="L39" s="76"/>
      <c r="M39" s="76"/>
      <c r="N39" s="76"/>
      <c r="O39" s="76"/>
      <c r="P39" s="76"/>
      <c r="Q39" s="76"/>
      <c r="R39" s="76"/>
      <c r="S39" s="76"/>
      <c r="T39" s="76"/>
      <c r="U39" s="76"/>
      <c r="V39" s="77"/>
    </row>
    <row r="40" spans="1:43" ht="15.6" customHeight="1" x14ac:dyDescent="0.15">
      <c r="A40" s="75"/>
      <c r="B40" s="76"/>
      <c r="C40" s="76"/>
      <c r="D40" s="76"/>
      <c r="E40" s="76"/>
      <c r="F40" s="76"/>
      <c r="G40" s="76"/>
      <c r="H40" s="76"/>
      <c r="I40" s="76"/>
      <c r="J40" s="76"/>
      <c r="K40" s="76"/>
      <c r="L40" s="76"/>
      <c r="M40" s="76"/>
      <c r="N40" s="76"/>
      <c r="O40" s="76"/>
      <c r="P40" s="76"/>
      <c r="Q40" s="76"/>
      <c r="R40" s="76"/>
      <c r="S40" s="76"/>
      <c r="T40" s="76"/>
      <c r="U40" s="76"/>
      <c r="V40" s="77"/>
    </row>
    <row r="41" spans="1:43" ht="19.149999999999999" customHeight="1" x14ac:dyDescent="0.15">
      <c r="A41" s="38"/>
      <c r="B41" s="39"/>
      <c r="C41" s="40"/>
      <c r="D41" s="40"/>
      <c r="E41" s="40"/>
      <c r="F41" s="40"/>
      <c r="G41" s="40"/>
      <c r="H41" s="78" t="s">
        <v>35</v>
      </c>
      <c r="I41" s="78"/>
      <c r="J41" s="78"/>
      <c r="K41" s="79" t="s">
        <v>36</v>
      </c>
      <c r="L41" s="79"/>
      <c r="M41" s="79"/>
      <c r="N41" s="79"/>
      <c r="O41" s="79"/>
      <c r="P41" s="79"/>
      <c r="Q41" s="79"/>
      <c r="R41" s="79"/>
      <c r="S41" s="79"/>
      <c r="T41" s="79"/>
      <c r="U41" s="79"/>
      <c r="V41" s="80"/>
    </row>
    <row r="42" spans="1:43" ht="19.149999999999999" customHeight="1" x14ac:dyDescent="0.15">
      <c r="A42" s="38"/>
      <c r="B42" s="39"/>
      <c r="C42" s="40"/>
      <c r="D42" s="40"/>
      <c r="E42" s="40"/>
      <c r="F42" s="40"/>
      <c r="G42" s="40"/>
      <c r="H42" s="40"/>
      <c r="I42" s="40"/>
      <c r="J42" s="34"/>
      <c r="K42" s="81" t="s">
        <v>37</v>
      </c>
      <c r="L42" s="81"/>
      <c r="M42" s="81"/>
      <c r="N42" s="81"/>
      <c r="O42" s="81"/>
      <c r="P42" s="81"/>
      <c r="Q42" s="81"/>
      <c r="R42" s="81"/>
      <c r="S42" s="81"/>
      <c r="T42" s="81"/>
      <c r="U42" s="81"/>
      <c r="V42" s="82"/>
    </row>
    <row r="43" spans="1:43" ht="2.4500000000000002" customHeight="1" x14ac:dyDescent="0.15">
      <c r="A43" s="39"/>
      <c r="B43" s="39"/>
      <c r="C43" s="40"/>
      <c r="D43" s="40"/>
      <c r="E43" s="40"/>
      <c r="F43" s="40"/>
      <c r="G43" s="40"/>
      <c r="H43" s="40"/>
      <c r="I43" s="40"/>
      <c r="J43" s="34"/>
      <c r="K43" s="41"/>
      <c r="L43" s="41"/>
      <c r="M43" s="41"/>
      <c r="N43" s="41"/>
      <c r="O43" s="41"/>
      <c r="P43" s="41"/>
      <c r="Q43" s="41"/>
      <c r="R43" s="41"/>
      <c r="S43" s="41"/>
      <c r="T43" s="41"/>
      <c r="U43" s="41"/>
      <c r="V43" s="41"/>
    </row>
    <row r="44" spans="1:43" s="4" customFormat="1" ht="13.9" customHeight="1" x14ac:dyDescent="0.15">
      <c r="A44" s="63" t="s">
        <v>38</v>
      </c>
      <c r="B44" s="63"/>
      <c r="C44" s="83" t="s">
        <v>39</v>
      </c>
      <c r="D44" s="83"/>
      <c r="E44" s="83"/>
      <c r="F44" s="83"/>
      <c r="G44" s="83"/>
      <c r="H44" s="83"/>
      <c r="I44" s="83"/>
      <c r="J44" s="83"/>
      <c r="K44" s="83"/>
      <c r="L44" s="83"/>
      <c r="M44" s="83"/>
      <c r="N44" s="83"/>
      <c r="O44" s="83"/>
      <c r="P44" s="83"/>
      <c r="Q44" s="83"/>
      <c r="R44" s="83"/>
      <c r="S44" s="83"/>
      <c r="T44" s="83"/>
      <c r="U44" s="83"/>
      <c r="V44" s="83"/>
      <c r="W44" s="2"/>
      <c r="X44" s="2"/>
      <c r="Y44" s="2"/>
      <c r="Z44" s="2"/>
      <c r="AA44" s="2"/>
      <c r="AB44" s="2"/>
      <c r="AC44" s="2"/>
      <c r="AD44" s="2"/>
      <c r="AE44" s="2"/>
      <c r="AF44" s="2"/>
      <c r="AG44" s="2"/>
      <c r="AH44" s="2"/>
      <c r="AI44" s="2"/>
      <c r="AJ44" s="2"/>
      <c r="AK44" s="2"/>
      <c r="AL44" s="2"/>
      <c r="AM44" s="2"/>
      <c r="AN44" s="2"/>
      <c r="AO44" s="2"/>
      <c r="AP44" s="2"/>
      <c r="AQ44" s="3"/>
    </row>
    <row r="45" spans="1:43" s="4" customFormat="1" ht="13.9" customHeight="1" x14ac:dyDescent="0.15">
      <c r="A45" s="42"/>
      <c r="B45" s="43"/>
      <c r="C45" s="84"/>
      <c r="D45" s="84"/>
      <c r="E45" s="84"/>
      <c r="F45" s="84"/>
      <c r="G45" s="84"/>
      <c r="H45" s="84"/>
      <c r="I45" s="84"/>
      <c r="J45" s="84"/>
      <c r="K45" s="84"/>
      <c r="L45" s="84"/>
      <c r="M45" s="84"/>
      <c r="N45" s="84"/>
      <c r="O45" s="84"/>
      <c r="P45" s="84"/>
      <c r="Q45" s="84"/>
      <c r="R45" s="84"/>
      <c r="S45" s="84"/>
      <c r="T45" s="84"/>
      <c r="U45" s="84"/>
      <c r="V45" s="84"/>
      <c r="W45" s="2"/>
      <c r="X45" s="2"/>
      <c r="Y45" s="2"/>
      <c r="Z45" s="2"/>
      <c r="AA45" s="2"/>
      <c r="AB45" s="2"/>
      <c r="AC45" s="2"/>
      <c r="AD45" s="2"/>
      <c r="AE45" s="2"/>
      <c r="AF45" s="2"/>
      <c r="AG45" s="2"/>
      <c r="AH45" s="2"/>
      <c r="AI45" s="2"/>
      <c r="AJ45" s="2"/>
      <c r="AK45" s="2"/>
      <c r="AL45" s="2"/>
      <c r="AM45" s="2"/>
      <c r="AN45" s="2"/>
      <c r="AO45" s="2"/>
      <c r="AP45" s="2"/>
      <c r="AQ45" s="3"/>
    </row>
    <row r="46" spans="1:43" s="4" customFormat="1" ht="13.9" customHeight="1" x14ac:dyDescent="0.15">
      <c r="A46" s="43"/>
      <c r="B46" s="43"/>
      <c r="C46" s="84"/>
      <c r="D46" s="84"/>
      <c r="E46" s="84"/>
      <c r="F46" s="84"/>
      <c r="G46" s="84"/>
      <c r="H46" s="84"/>
      <c r="I46" s="84"/>
      <c r="J46" s="84"/>
      <c r="K46" s="84"/>
      <c r="L46" s="84"/>
      <c r="M46" s="84"/>
      <c r="N46" s="84"/>
      <c r="O46" s="84"/>
      <c r="P46" s="84"/>
      <c r="Q46" s="84"/>
      <c r="R46" s="84"/>
      <c r="S46" s="84"/>
      <c r="T46" s="84"/>
      <c r="U46" s="84"/>
      <c r="V46" s="84"/>
      <c r="W46" s="2"/>
      <c r="X46" s="2"/>
      <c r="Y46" s="2"/>
      <c r="Z46" s="2"/>
      <c r="AA46" s="2"/>
      <c r="AB46" s="2"/>
      <c r="AC46" s="2"/>
      <c r="AD46" s="2"/>
      <c r="AE46" s="2"/>
      <c r="AF46" s="2"/>
      <c r="AG46" s="2"/>
      <c r="AH46" s="2"/>
      <c r="AI46" s="2"/>
      <c r="AJ46" s="2"/>
      <c r="AK46" s="2"/>
      <c r="AL46" s="2"/>
      <c r="AM46" s="2"/>
      <c r="AN46" s="2"/>
      <c r="AO46" s="2"/>
      <c r="AP46" s="2"/>
      <c r="AQ46" s="2"/>
    </row>
    <row r="47" spans="1:43" s="4" customFormat="1" ht="13.9" customHeight="1" x14ac:dyDescent="0.15">
      <c r="A47" s="43"/>
      <c r="B47" s="43"/>
      <c r="C47" s="84"/>
      <c r="D47" s="84"/>
      <c r="E47" s="84"/>
      <c r="F47" s="84"/>
      <c r="G47" s="84"/>
      <c r="H47" s="84"/>
      <c r="I47" s="84"/>
      <c r="J47" s="84"/>
      <c r="K47" s="84"/>
      <c r="L47" s="84"/>
      <c r="M47" s="84"/>
      <c r="N47" s="84"/>
      <c r="O47" s="84"/>
      <c r="P47" s="84"/>
      <c r="Q47" s="84"/>
      <c r="R47" s="84"/>
      <c r="S47" s="84"/>
      <c r="T47" s="84"/>
      <c r="U47" s="84"/>
      <c r="V47" s="84"/>
      <c r="W47" s="2"/>
      <c r="X47" s="2"/>
      <c r="Y47" s="2"/>
      <c r="Z47" s="2"/>
      <c r="AA47" s="2"/>
      <c r="AB47" s="2"/>
      <c r="AC47" s="2"/>
      <c r="AD47" s="2"/>
      <c r="AE47" s="2"/>
      <c r="AF47" s="2"/>
      <c r="AG47" s="2"/>
      <c r="AH47" s="2"/>
      <c r="AI47" s="2"/>
      <c r="AJ47" s="2"/>
      <c r="AK47" s="2"/>
      <c r="AL47" s="2"/>
      <c r="AM47" s="2"/>
      <c r="AN47" s="2"/>
      <c r="AO47" s="2"/>
      <c r="AP47" s="2"/>
      <c r="AQ47" s="2"/>
    </row>
    <row r="48" spans="1:43" s="4" customFormat="1" ht="13.9" customHeight="1" x14ac:dyDescent="0.15">
      <c r="A48" s="43"/>
      <c r="B48" s="43"/>
      <c r="C48" s="84"/>
      <c r="D48" s="84"/>
      <c r="E48" s="84"/>
      <c r="F48" s="84"/>
      <c r="G48" s="84"/>
      <c r="H48" s="84"/>
      <c r="I48" s="84"/>
      <c r="J48" s="84"/>
      <c r="K48" s="84"/>
      <c r="L48" s="84"/>
      <c r="M48" s="84"/>
      <c r="N48" s="84"/>
      <c r="O48" s="84"/>
      <c r="P48" s="84"/>
      <c r="Q48" s="84"/>
      <c r="R48" s="84"/>
      <c r="S48" s="84"/>
      <c r="T48" s="84"/>
      <c r="U48" s="84"/>
      <c r="V48" s="84"/>
      <c r="W48" s="2"/>
      <c r="X48" s="2"/>
      <c r="Y48" s="2"/>
      <c r="Z48" s="2"/>
      <c r="AA48" s="2"/>
      <c r="AB48" s="2"/>
      <c r="AC48" s="2"/>
      <c r="AD48" s="2"/>
      <c r="AE48" s="2"/>
      <c r="AF48" s="2"/>
      <c r="AG48" s="2"/>
      <c r="AH48" s="2"/>
      <c r="AI48" s="2"/>
      <c r="AJ48" s="2"/>
      <c r="AK48" s="2"/>
      <c r="AL48" s="2"/>
      <c r="AM48" s="2"/>
      <c r="AN48" s="2"/>
      <c r="AO48" s="2"/>
      <c r="AP48" s="2"/>
      <c r="AQ48" s="2"/>
    </row>
    <row r="49" spans="1:43" s="4" customFormat="1" ht="13.9" customHeight="1" x14ac:dyDescent="0.15">
      <c r="A49" s="43"/>
      <c r="B49" s="43"/>
      <c r="C49" s="84"/>
      <c r="D49" s="84"/>
      <c r="E49" s="84"/>
      <c r="F49" s="84"/>
      <c r="G49" s="84"/>
      <c r="H49" s="84"/>
      <c r="I49" s="84"/>
      <c r="J49" s="84"/>
      <c r="K49" s="84"/>
      <c r="L49" s="84"/>
      <c r="M49" s="84"/>
      <c r="N49" s="84"/>
      <c r="O49" s="84"/>
      <c r="P49" s="84"/>
      <c r="Q49" s="84"/>
      <c r="R49" s="84"/>
      <c r="S49" s="84"/>
      <c r="T49" s="84"/>
      <c r="U49" s="84"/>
      <c r="V49" s="84"/>
      <c r="W49" s="2"/>
      <c r="X49" s="2"/>
      <c r="Y49" s="2"/>
      <c r="Z49" s="2"/>
      <c r="AA49" s="2"/>
      <c r="AB49" s="2"/>
      <c r="AC49" s="2"/>
      <c r="AD49" s="2"/>
      <c r="AE49" s="2"/>
      <c r="AF49" s="2"/>
      <c r="AG49" s="2"/>
      <c r="AH49" s="2"/>
      <c r="AI49" s="2"/>
      <c r="AJ49" s="2"/>
      <c r="AK49" s="2"/>
      <c r="AL49" s="2"/>
      <c r="AM49" s="2"/>
      <c r="AN49" s="2"/>
      <c r="AO49" s="2"/>
      <c r="AP49" s="2"/>
      <c r="AQ49" s="2"/>
    </row>
    <row r="50" spans="1:43" s="4" customFormat="1" ht="15.6" customHeight="1" x14ac:dyDescent="0.15">
      <c r="A50" s="43"/>
      <c r="B50" s="43"/>
      <c r="C50" s="84"/>
      <c r="D50" s="84"/>
      <c r="E50" s="84"/>
      <c r="F50" s="84"/>
      <c r="G50" s="84"/>
      <c r="H50" s="84"/>
      <c r="I50" s="84"/>
      <c r="J50" s="84"/>
      <c r="K50" s="84"/>
      <c r="L50" s="84"/>
      <c r="M50" s="84"/>
      <c r="N50" s="84"/>
      <c r="O50" s="84"/>
      <c r="P50" s="84"/>
      <c r="Q50" s="84"/>
      <c r="R50" s="84"/>
      <c r="S50" s="84"/>
      <c r="T50" s="84"/>
      <c r="U50" s="84"/>
      <c r="V50" s="84"/>
    </row>
    <row r="51" spans="1:43" x14ac:dyDescent="0.15">
      <c r="A51" s="43" t="s">
        <v>40</v>
      </c>
      <c r="B51" s="7"/>
      <c r="C51" s="7"/>
      <c r="D51" s="7"/>
      <c r="E51" s="7"/>
      <c r="F51" s="7"/>
      <c r="G51" s="7"/>
      <c r="H51" s="7"/>
      <c r="I51" s="7"/>
      <c r="J51" s="7"/>
      <c r="K51" s="7"/>
      <c r="L51" s="7"/>
      <c r="M51" s="7"/>
      <c r="N51" s="7"/>
      <c r="O51" s="7"/>
      <c r="P51" s="7"/>
      <c r="Q51" s="7"/>
      <c r="R51" s="7"/>
      <c r="S51" s="7"/>
      <c r="T51" s="7"/>
      <c r="U51" s="7"/>
      <c r="V51" s="7"/>
    </row>
    <row r="52" spans="1:43" x14ac:dyDescent="0.15">
      <c r="A52" s="45" t="s">
        <v>41</v>
      </c>
      <c r="B52" s="45"/>
      <c r="C52" s="45"/>
      <c r="D52" s="45" t="s">
        <v>42</v>
      </c>
      <c r="E52" s="45"/>
      <c r="F52" s="45"/>
      <c r="G52" s="45" t="s">
        <v>43</v>
      </c>
      <c r="H52" s="45"/>
      <c r="I52" s="45"/>
      <c r="J52" s="45" t="s">
        <v>44</v>
      </c>
      <c r="K52" s="45"/>
      <c r="L52" s="45"/>
      <c r="M52" s="45" t="s">
        <v>45</v>
      </c>
      <c r="N52" s="45"/>
      <c r="O52" s="45"/>
      <c r="P52" s="45"/>
      <c r="Q52" s="45" t="s">
        <v>46</v>
      </c>
      <c r="R52" s="45"/>
      <c r="S52" s="45"/>
      <c r="T52" s="45"/>
      <c r="U52" s="45" t="s">
        <v>47</v>
      </c>
      <c r="V52" s="45"/>
    </row>
    <row r="53" spans="1:43" ht="11.45" customHeight="1" x14ac:dyDescent="0.15">
      <c r="A53" s="55"/>
      <c r="B53" s="55"/>
      <c r="C53" s="55"/>
      <c r="D53" s="62" t="s">
        <v>48</v>
      </c>
      <c r="E53" s="63"/>
      <c r="F53" s="64"/>
      <c r="G53" s="65" t="s">
        <v>49</v>
      </c>
      <c r="H53" s="66"/>
      <c r="I53" s="66"/>
      <c r="J53" s="65" t="s">
        <v>50</v>
      </c>
      <c r="K53" s="66"/>
      <c r="L53" s="66"/>
      <c r="M53" s="67" t="s">
        <v>51</v>
      </c>
      <c r="N53" s="68"/>
      <c r="O53" s="68"/>
      <c r="P53" s="68"/>
      <c r="Q53" s="49" t="s">
        <v>52</v>
      </c>
      <c r="R53" s="50"/>
      <c r="S53" s="50"/>
      <c r="T53" s="51"/>
      <c r="U53" s="45"/>
      <c r="V53" s="45"/>
    </row>
    <row r="54" spans="1:43" ht="11.45" customHeight="1" x14ac:dyDescent="0.15">
      <c r="A54" s="55"/>
      <c r="B54" s="55"/>
      <c r="C54" s="55"/>
      <c r="D54" s="46" t="s">
        <v>53</v>
      </c>
      <c r="E54" s="47"/>
      <c r="F54" s="48"/>
      <c r="G54" s="66"/>
      <c r="H54" s="66"/>
      <c r="I54" s="66"/>
      <c r="J54" s="66"/>
      <c r="K54" s="66"/>
      <c r="L54" s="66"/>
      <c r="M54" s="68"/>
      <c r="N54" s="68"/>
      <c r="O54" s="68"/>
      <c r="P54" s="68"/>
      <c r="Q54" s="52"/>
      <c r="R54" s="53"/>
      <c r="S54" s="53"/>
      <c r="T54" s="54"/>
      <c r="U54" s="45"/>
      <c r="V54" s="45"/>
    </row>
    <row r="55" spans="1:43" ht="11.45" customHeight="1" x14ac:dyDescent="0.15">
      <c r="A55" s="55"/>
      <c r="B55" s="55"/>
      <c r="C55" s="55"/>
      <c r="D55" s="46" t="s">
        <v>54</v>
      </c>
      <c r="E55" s="47"/>
      <c r="F55" s="48"/>
      <c r="G55" s="66"/>
      <c r="H55" s="66"/>
      <c r="I55" s="66"/>
      <c r="J55" s="66"/>
      <c r="K55" s="66"/>
      <c r="L55" s="66"/>
      <c r="M55" s="68"/>
      <c r="N55" s="68"/>
      <c r="O55" s="68"/>
      <c r="P55" s="68"/>
      <c r="Q55" s="69"/>
      <c r="R55" s="70"/>
      <c r="S55" s="70"/>
      <c r="T55" s="71"/>
      <c r="U55" s="45"/>
      <c r="V55" s="45"/>
    </row>
    <row r="56" spans="1:43" ht="11.45" customHeight="1" x14ac:dyDescent="0.15">
      <c r="A56" s="55"/>
      <c r="B56" s="55"/>
      <c r="C56" s="55"/>
      <c r="D56" s="44" t="s">
        <v>55</v>
      </c>
      <c r="E56" s="44"/>
      <c r="F56" s="44"/>
      <c r="G56" s="66"/>
      <c r="H56" s="66"/>
      <c r="I56" s="66"/>
      <c r="J56" s="66"/>
      <c r="K56" s="66"/>
      <c r="L56" s="66"/>
      <c r="M56" s="68"/>
      <c r="N56" s="68"/>
      <c r="O56" s="68"/>
      <c r="P56" s="68"/>
      <c r="Q56" s="45" t="s">
        <v>56</v>
      </c>
      <c r="R56" s="45"/>
      <c r="S56" s="45"/>
      <c r="T56" s="45"/>
      <c r="U56" s="45" t="s">
        <v>57</v>
      </c>
      <c r="V56" s="45"/>
    </row>
    <row r="57" spans="1:43" ht="11.45" customHeight="1" x14ac:dyDescent="0.15">
      <c r="A57" s="55"/>
      <c r="B57" s="55"/>
      <c r="C57" s="55"/>
      <c r="D57" s="46" t="s">
        <v>58</v>
      </c>
      <c r="E57" s="47"/>
      <c r="F57" s="48"/>
      <c r="G57" s="66"/>
      <c r="H57" s="66"/>
      <c r="I57" s="66"/>
      <c r="J57" s="66"/>
      <c r="K57" s="66"/>
      <c r="L57" s="66"/>
      <c r="M57" s="68"/>
      <c r="N57" s="68"/>
      <c r="O57" s="68"/>
      <c r="P57" s="68"/>
      <c r="Q57" s="49" t="s">
        <v>52</v>
      </c>
      <c r="R57" s="50"/>
      <c r="S57" s="50"/>
      <c r="T57" s="51"/>
      <c r="U57" s="55"/>
      <c r="V57" s="55"/>
    </row>
    <row r="58" spans="1:43" ht="11.45" customHeight="1" x14ac:dyDescent="0.15">
      <c r="A58" s="55"/>
      <c r="B58" s="55"/>
      <c r="C58" s="55"/>
      <c r="D58" s="46" t="s">
        <v>59</v>
      </c>
      <c r="E58" s="47"/>
      <c r="F58" s="48"/>
      <c r="G58" s="66"/>
      <c r="H58" s="66"/>
      <c r="I58" s="66"/>
      <c r="J58" s="66"/>
      <c r="K58" s="66"/>
      <c r="L58" s="66"/>
      <c r="M58" s="68"/>
      <c r="N58" s="68"/>
      <c r="O58" s="68"/>
      <c r="P58" s="68"/>
      <c r="Q58" s="52"/>
      <c r="R58" s="53"/>
      <c r="S58" s="53"/>
      <c r="T58" s="54"/>
      <c r="U58" s="55"/>
      <c r="V58" s="55"/>
    </row>
    <row r="59" spans="1:43" ht="11.45" customHeight="1" x14ac:dyDescent="0.15">
      <c r="A59" s="55"/>
      <c r="B59" s="55"/>
      <c r="C59" s="55"/>
      <c r="D59" s="52" t="s">
        <v>60</v>
      </c>
      <c r="E59" s="53"/>
      <c r="F59" s="54"/>
      <c r="G59" s="66"/>
      <c r="H59" s="66"/>
      <c r="I59" s="66"/>
      <c r="J59" s="66"/>
      <c r="K59" s="66"/>
      <c r="L59" s="66"/>
      <c r="M59" s="68"/>
      <c r="N59" s="68"/>
      <c r="O59" s="68"/>
      <c r="P59" s="68"/>
      <c r="Q59" s="52"/>
      <c r="R59" s="53"/>
      <c r="S59" s="53"/>
      <c r="T59" s="54"/>
      <c r="U59" s="55"/>
      <c r="V59" s="55"/>
    </row>
    <row r="60" spans="1:43" ht="11.45" customHeight="1" x14ac:dyDescent="0.15">
      <c r="A60" s="55"/>
      <c r="B60" s="55"/>
      <c r="C60" s="55"/>
      <c r="D60" s="56" t="s">
        <v>61</v>
      </c>
      <c r="E60" s="57"/>
      <c r="F60" s="58"/>
      <c r="G60" s="66"/>
      <c r="H60" s="66"/>
      <c r="I60" s="66"/>
      <c r="J60" s="66"/>
      <c r="K60" s="66"/>
      <c r="L60" s="66"/>
      <c r="M60" s="68"/>
      <c r="N60" s="68"/>
      <c r="O60" s="68"/>
      <c r="P60" s="68"/>
      <c r="Q60" s="59"/>
      <c r="R60" s="60"/>
      <c r="S60" s="60"/>
      <c r="T60" s="61"/>
      <c r="U60" s="55"/>
      <c r="V60" s="55"/>
    </row>
  </sheetData>
  <mergeCells count="79">
    <mergeCell ref="A6:B6"/>
    <mergeCell ref="C6:J6"/>
    <mergeCell ref="A1:V1"/>
    <mergeCell ref="R3:V3"/>
    <mergeCell ref="R4:V4"/>
    <mergeCell ref="A5:J5"/>
    <mergeCell ref="K5:V5"/>
    <mergeCell ref="A7:J10"/>
    <mergeCell ref="K7:V7"/>
    <mergeCell ref="K9:R9"/>
    <mergeCell ref="S9:V9"/>
    <mergeCell ref="K10:R10"/>
    <mergeCell ref="S10:V10"/>
    <mergeCell ref="A21:V21"/>
    <mergeCell ref="A11:V12"/>
    <mergeCell ref="A13:F14"/>
    <mergeCell ref="G13:J13"/>
    <mergeCell ref="K13:R14"/>
    <mergeCell ref="S14:V14"/>
    <mergeCell ref="A15:J16"/>
    <mergeCell ref="K15:V15"/>
    <mergeCell ref="K16:V16"/>
    <mergeCell ref="A17:J17"/>
    <mergeCell ref="K17:V17"/>
    <mergeCell ref="K18:V18"/>
    <mergeCell ref="A19:V19"/>
    <mergeCell ref="A20:V20"/>
    <mergeCell ref="A29:J29"/>
    <mergeCell ref="A22:V22"/>
    <mergeCell ref="A23:F23"/>
    <mergeCell ref="K23:Q23"/>
    <mergeCell ref="R23:V23"/>
    <mergeCell ref="A24:J24"/>
    <mergeCell ref="K24:V24"/>
    <mergeCell ref="O25:V25"/>
    <mergeCell ref="A26:J26"/>
    <mergeCell ref="K26:V26"/>
    <mergeCell ref="K27:V27"/>
    <mergeCell ref="A28:V28"/>
    <mergeCell ref="A44:B44"/>
    <mergeCell ref="C44:V50"/>
    <mergeCell ref="A30:D30"/>
    <mergeCell ref="A31:V32"/>
    <mergeCell ref="A33:J33"/>
    <mergeCell ref="J34:K34"/>
    <mergeCell ref="B35:D35"/>
    <mergeCell ref="J36:K36"/>
    <mergeCell ref="M36:Q36"/>
    <mergeCell ref="J37:U37"/>
    <mergeCell ref="A38:V40"/>
    <mergeCell ref="H41:J41"/>
    <mergeCell ref="K41:V41"/>
    <mergeCell ref="K42:V42"/>
    <mergeCell ref="U52:V52"/>
    <mergeCell ref="A53:C60"/>
    <mergeCell ref="D53:F53"/>
    <mergeCell ref="G53:I60"/>
    <mergeCell ref="J53:L60"/>
    <mergeCell ref="M53:P60"/>
    <mergeCell ref="Q53:T55"/>
    <mergeCell ref="U53:V55"/>
    <mergeCell ref="D54:F54"/>
    <mergeCell ref="D55:F55"/>
    <mergeCell ref="A52:C52"/>
    <mergeCell ref="D52:F52"/>
    <mergeCell ref="G52:I52"/>
    <mergeCell ref="J52:L52"/>
    <mergeCell ref="M52:P52"/>
    <mergeCell ref="Q52:T52"/>
    <mergeCell ref="D56:F56"/>
    <mergeCell ref="Q56:T56"/>
    <mergeCell ref="U56:V56"/>
    <mergeCell ref="D57:F57"/>
    <mergeCell ref="Q57:T59"/>
    <mergeCell ref="U57:V60"/>
    <mergeCell ref="D58:F58"/>
    <mergeCell ref="D59:F59"/>
    <mergeCell ref="D60:F60"/>
    <mergeCell ref="Q60:T60"/>
  </mergeCells>
  <phoneticPr fontId="2"/>
  <pageMargins left="0.59055118110236227" right="0" top="0.19685039370078741" bottom="0" header="0.31496062992125984" footer="0.31496062992125984"/>
  <pageSetup paperSize="9" scale="99" orientation="portrait" blackAndWhite="1"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居宅届出書</vt:lpstr>
      <vt:lpstr>居宅届出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手塚 七海</dc:creator>
  <cp:lastModifiedBy>手塚 七海</cp:lastModifiedBy>
  <cp:lastPrinted>2026-04-06T06:38:11Z</cp:lastPrinted>
  <dcterms:created xsi:type="dcterms:W3CDTF">2026-04-06T06:32:37Z</dcterms:created>
  <dcterms:modified xsi:type="dcterms:W3CDTF">2026-04-06T08:05:37Z</dcterms:modified>
</cp:coreProperties>
</file>